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400_2024 Hadička spojovacia, set infúzny, set transfúzny\02. Príprava\05. PTK\"/>
    </mc:Choice>
  </mc:AlternateContent>
  <bookViews>
    <workbookView xWindow="-105" yWindow="-105" windowWidth="19425" windowHeight="10425"/>
  </bookViews>
  <sheets>
    <sheet name="PTK ponuka Zmluvne poz." sheetId="8" r:id="rId1"/>
    <sheet name="PTK Ponuka časť č. 1" sheetId="9" r:id="rId2"/>
    <sheet name="PTK Ponuka časť č. 2" sheetId="10" r:id="rId3"/>
    <sheet name="PTK Ponuka časť č. 3" sheetId="11" r:id="rId4"/>
    <sheet name="PTK Ponuka časť č. 4" sheetId="12" r:id="rId5"/>
    <sheet name="PTK Ponuka časť č. 5" sheetId="13" r:id="rId6"/>
  </sheets>
  <definedNames>
    <definedName name="_xlnm.Print_Area" localSheetId="1">'PTK Ponuka časť č. 1'!$A$1:$E$60</definedName>
    <definedName name="_xlnm.Print_Area" localSheetId="2">'PTK Ponuka časť č. 2'!$A$1:$E$54</definedName>
    <definedName name="_xlnm.Print_Area" localSheetId="3">'PTK Ponuka časť č. 3'!$A$1:$E$59</definedName>
    <definedName name="_xlnm.Print_Area" localSheetId="4">'PTK Ponuka časť č. 4'!$A$1:$E$57</definedName>
    <definedName name="_xlnm.Print_Area" localSheetId="5">'PTK Ponuka časť č. 5'!$A$1:$E$54</definedName>
    <definedName name="_xlnm.Print_Area" localSheetId="0">'PTK ponuka Zmluvne poz.'!$A$1:$E$10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7" uniqueCount="17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3.</t>
  </si>
  <si>
    <t>14.</t>
  </si>
  <si>
    <t>15.</t>
  </si>
  <si>
    <t>33140000-3 - Zdravotnícky spotrebný materiál</t>
  </si>
  <si>
    <t>Položka č.2</t>
  </si>
  <si>
    <t xml:space="preserve">Kalkulácia ceny a návrh na plnenie kritéria na vyhodnotenie ponúk - Štruktúrovaný rozpočet ceny predmetu zákazky </t>
  </si>
  <si>
    <t>6.4</t>
  </si>
  <si>
    <t>Hadička spojovacia, set infúzny, set transfúzny</t>
  </si>
  <si>
    <t>Hadička spojovacia – dĺžka 450 mm</t>
  </si>
  <si>
    <t>Transfúzna súprava</t>
  </si>
  <si>
    <t>Položka č. 1 - Hadička spojovacia – dĺžka 450 mm</t>
  </si>
  <si>
    <t xml:space="preserve">spája infúzne alebo transfúzna súpravy, štandardnej striekačky s ďalšími komponentmi (napr. i.v. kanyla, centrálny venózny katéter) </t>
  </si>
  <si>
    <t>materiál – PVC, transparentný, apyrogénny, bez obsahu ftalátov (DEHP) a latexu</t>
  </si>
  <si>
    <t>určené na jednorazové použitie</t>
  </si>
  <si>
    <t>zakončené pozitívnym  a negatívnym kužeľom Luer Lock, na jednom konci female a na druhom male</t>
  </si>
  <si>
    <t>balenie: 1 ks, sterilné</t>
  </si>
  <si>
    <t xml:space="preserve">slúži na terapeutické podávanie infúznych a injekčných roztokov z fliaš alebo plastových vakov do žily pacienta </t>
  </si>
  <si>
    <t xml:space="preserve">zakončené pozitívnym  kužeľom / male  Luer Lock </t>
  </si>
  <si>
    <t>infúzny filter - 15 µm ,hydrofóbny anti-bakteriálny filter v zavzdušňovacom kanáliku dostatočne ostrého prepichovacieho tŕňa</t>
  </si>
  <si>
    <t>regulátorom prietoku pomocou kolieska, 20 kvapiek dest. vody = 1,0 ± 0,1 g</t>
  </si>
  <si>
    <t>mäkká, flexibilná hadička</t>
  </si>
  <si>
    <t>slúži na terapeutické podávanie transfúziu krvi a krvných derivátov, krvných náhrad do cievneho systému z fliaš alebo vakov</t>
  </si>
  <si>
    <t>materiál – PVC, transparentný, apyrogénny, netoxický, Bez obsahu ftalátov (DEHP) a latexu</t>
  </si>
  <si>
    <t>transfúzny filter – 200 - 350 µm ,hydrofóbny anti-bakteriálny filter v zavzdušňovacom kanáliku dostatočne ostrého prepichovacieho tŕňa</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slúži na terapeutické podávanie infúznych a injekčných roztokov z fliaš alebo plastových vakov do žily pacienta cez Infusomat</t>
  </si>
  <si>
    <t>originálne príslušenstvo k infúznemu systému</t>
  </si>
  <si>
    <t>tlaková odolnosť 2 bar.</t>
  </si>
  <si>
    <t>zakončené pozitívnym  kužeľom / male  Luer Lock</t>
  </si>
  <si>
    <t>silikónový segment zaisťujúci dlhodobo vysokú presnosť podávania infúzie</t>
  </si>
  <si>
    <t>bezpečnostná svorka na hadičke na uzatvorenie prietoku</t>
  </si>
  <si>
    <t>regulátor prietoku pomocou Infusomatu</t>
  </si>
  <si>
    <t>rozmery: dĺžka: 2400 - 2500 mm, vonkajší priemer 4,1 - 4,2 mm, vnútorný priemer 3 mm</t>
  </si>
  <si>
    <t xml:space="preserve">balenie: 1 ks, sterilné </t>
  </si>
  <si>
    <t>kompatibilný s prístrojovou technikou  TERUMO</t>
  </si>
  <si>
    <t>bezpečnostná svorka na hadičke na uzatvorenie prietoku mäkká, flexibilná hadička</t>
  </si>
  <si>
    <t>rozmery: dĺžka:1400 - 1500 mm, vonkajší priemer 4,1 - 4,2 mm, vnútorný priemer 3 mm</t>
  </si>
  <si>
    <t>Infúzna súprava I.</t>
  </si>
  <si>
    <t>Infúzna súprava II.</t>
  </si>
  <si>
    <t>Položka č. 2</t>
  </si>
  <si>
    <t xml:space="preserve">Časť č. 1 - Hadička spojovacia </t>
  </si>
  <si>
    <t>Časť č. 2 - Infúzna súprava I.</t>
  </si>
  <si>
    <t>Časť č. 3 - Infúzna súprava II.</t>
  </si>
  <si>
    <t>Časť č. 4 - Infúzna súprava III.</t>
  </si>
  <si>
    <t xml:space="preserve"> Infúzna súprava do pumpy</t>
  </si>
  <si>
    <t>Časť č. 5 - Transfúzna súprava</t>
  </si>
  <si>
    <t xml:space="preserve"> Hadička spojovacia - dĺžka 450 mm</t>
  </si>
  <si>
    <t xml:space="preserve"> Hadička spojovacia - dĺžka 1800 mm</t>
  </si>
  <si>
    <t>meno a priezvisko:</t>
  </si>
  <si>
    <t>v čase od 07:00 hod. do 14:00 hod.,</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ovaný počet MJ</t>
  </si>
  <si>
    <t>Položka č. 1</t>
  </si>
  <si>
    <t>Hadička spojovacia – dĺžka 1800 mm</t>
  </si>
  <si>
    <t xml:space="preserve">Položka č. 2 - Hadička spojovacia – dĺžka 1800 mm </t>
  </si>
  <si>
    <t>bezpečné a pevné spojenie s komponentmi prostredníctvom špirálovitého závitu na oboch koncoch</t>
  </si>
  <si>
    <t>rozmery: dĺžka:450 mm, vonkajší priemer 2,9 – 3,0 mm, vnútorný priemer 1,8 - 1,9 mm</t>
  </si>
  <si>
    <t>spája infúzne alebo transfúzne súpravy štandardnej striekačky s ďalšími komponentmi (napr. i.v. kanyla, centrálny venózny katéter)</t>
  </si>
  <si>
    <t>rozmery: dĺžka:1800 mm, vonkajší priemer 2,9 – 3,0 mm, vnútorný priemer 1,8 – 1,9 mm</t>
  </si>
  <si>
    <t>Položka č. 1 - Infúzna súprava I.</t>
  </si>
  <si>
    <t xml:space="preserve"> Infúzna súprava I.</t>
  </si>
  <si>
    <t>rozmery: dĺžka:1400 - 1500 mm, vonkajší priemer 4,2 mm, vnútorný priemer 3 mm</t>
  </si>
  <si>
    <t>časť 3. - Infúzna súprava II.</t>
  </si>
  <si>
    <t>Položka č. 1 - Infúzna súprava II.</t>
  </si>
  <si>
    <t>kompatibilný s prístrojovou technikou Infusomat® Space Bbraun</t>
  </si>
  <si>
    <t>časť 4. - Infúzna súprava III.</t>
  </si>
  <si>
    <t>Položka č. 1 -  Infúzna súprava do pumpy</t>
  </si>
  <si>
    <t>časť 4. - Infúzna súprava II.</t>
  </si>
  <si>
    <t>Položka č. 1 -Transfúzna súprava</t>
  </si>
  <si>
    <t xml:space="preserve">kvapkacia komôrka s nákružkom pre upevnenie do optického snímača kvapiek </t>
  </si>
  <si>
    <t>Predpokladaný počet MJ za zmluvné obdobie 24 mesiacov</t>
  </si>
  <si>
    <r>
      <rPr>
        <sz val="10"/>
        <rFont val="Arial"/>
        <family val="2"/>
        <charset val="238"/>
      </rPr>
      <t>Požadované minimálne technické vlastnosti, parametre a hodnoty predmetu zákazky sú uvedené samostatne pre každú časť predmetu zákazky:</t>
    </r>
    <r>
      <rPr>
        <b/>
        <sz val="10"/>
        <rFont val="Arial"/>
        <family val="2"/>
        <charset val="238"/>
      </rPr>
      <t xml:space="preserve"> </t>
    </r>
    <r>
      <rPr>
        <b/>
        <sz val="10"/>
        <color rgb="FFC00000"/>
        <rFont val="Arial"/>
        <family val="2"/>
        <charset val="238"/>
      </rPr>
      <t>PTK Ponuka č. 1;</t>
    </r>
    <r>
      <rPr>
        <b/>
        <sz val="10"/>
        <rFont val="Arial"/>
        <family val="2"/>
        <charset val="238"/>
      </rPr>
      <t xml:space="preserve"> </t>
    </r>
    <r>
      <rPr>
        <b/>
        <sz val="10"/>
        <color theme="9" tint="-0.249977111117893"/>
        <rFont val="Arial"/>
        <family val="2"/>
        <charset val="238"/>
      </rPr>
      <t xml:space="preserve">PTK Ponuka č. 2; </t>
    </r>
    <r>
      <rPr>
        <b/>
        <sz val="10"/>
        <color theme="7" tint="-0.249977111117893"/>
        <rFont val="Arial"/>
        <family val="2"/>
        <charset val="238"/>
      </rPr>
      <t>PTK Ponuka č. 3</t>
    </r>
    <r>
      <rPr>
        <b/>
        <sz val="10"/>
        <color theme="9" tint="-0.249977111117893"/>
        <rFont val="Arial"/>
        <family val="2"/>
        <charset val="238"/>
      </rPr>
      <t xml:space="preserve">; </t>
    </r>
    <r>
      <rPr>
        <b/>
        <sz val="10"/>
        <color theme="8" tint="-0.249977111117893"/>
        <rFont val="Arial"/>
        <family val="2"/>
        <charset val="238"/>
      </rPr>
      <t>PTK Ponuka č. 4</t>
    </r>
    <r>
      <rPr>
        <b/>
        <sz val="10"/>
        <color theme="9" tint="-0.249977111117893"/>
        <rFont val="Arial"/>
        <family val="2"/>
        <charset val="238"/>
      </rPr>
      <t xml:space="preserve">; </t>
    </r>
    <r>
      <rPr>
        <b/>
        <sz val="10"/>
        <color theme="2" tint="-0.499984740745262"/>
        <rFont val="Arial"/>
        <family val="2"/>
        <charset val="238"/>
      </rPr>
      <t xml:space="preserve">PTK Ponuka č. 5 </t>
    </r>
    <r>
      <rPr>
        <sz val="10"/>
        <rFont val="Arial"/>
        <family val="2"/>
        <charset val="238"/>
      </rPr>
      <t>(jednotlivé hárky excelu).</t>
    </r>
  </si>
  <si>
    <t>materiál – PVC, transparentný, apyrogénny, bez obsahu ftalátov (DEHP) a latexu / PUR, ochrana proti UV žiareniu od 200- 520 nm / určené pre podávanie fotosenzitívnych liečiv</t>
  </si>
  <si>
    <r>
      <t xml:space="preserve">Funkčné vzorky </t>
    </r>
    <r>
      <rPr>
        <sz val="10"/>
        <color theme="1"/>
        <rFont val="Arial"/>
        <family val="2"/>
        <charset val="238"/>
      </rPr>
      <t xml:space="preserve">všetkých ponúkaných produktov uvedených v </t>
    </r>
    <r>
      <rPr>
        <i/>
        <sz val="10"/>
        <color theme="1"/>
        <rFont val="Arial"/>
        <family val="2"/>
        <charset val="238"/>
      </rPr>
      <t xml:space="preserve">Prílohe č. 1 - Kalkulácia ceny  - Štruktúrovaný rozpočet ceny </t>
    </r>
    <r>
      <rPr>
        <sz val="10"/>
        <color theme="1"/>
        <rFont val="Arial"/>
        <family val="2"/>
        <charset val="238"/>
      </rPr>
      <t xml:space="preserve">predmetu zákazky pre príslušnú časť, do ktorej uchádzač predkladá svoju ponuku,  v počte </t>
    </r>
    <r>
      <rPr>
        <b/>
        <sz val="10"/>
        <color theme="1"/>
        <rFont val="Arial"/>
        <family val="2"/>
        <charset val="238"/>
      </rPr>
      <t>minimálne 2 ks</t>
    </r>
    <r>
      <rPr>
        <sz val="10"/>
        <color theme="1"/>
        <rFont val="Arial"/>
        <family val="2"/>
        <charset val="238"/>
      </rPr>
      <t xml:space="preserve">, t.j. 2 ks pre každú požadovanú položku  predmetu zákazky, za účelom ich testovania v plnej prevádzke verejného obstarávateľa.         </t>
    </r>
  </si>
  <si>
    <r>
      <t xml:space="preserve">Potvrdenie ŠÚKL </t>
    </r>
    <r>
      <rPr>
        <sz val="10"/>
        <color theme="1"/>
        <rFont val="Arial"/>
        <family val="2"/>
        <charset val="238"/>
      </rPr>
      <t>- výstup z databázy registrovaných/evidovaných zdravotníckych pomôcok, resp. iné doklady, ktoré nahrádzajú požadované potvrdenie ku všetkým ponúkaným produktom uvedeným v prílohe – Sortiment ponúkaného tovaru.</t>
    </r>
  </si>
  <si>
    <r>
      <rPr>
        <b/>
        <sz val="10"/>
        <color theme="1"/>
        <rFont val="Arial"/>
        <family val="2"/>
        <charset val="238"/>
      </rP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Požaduje sa uzatvorenie rámcovej dohody, a to na na dohodnuté zmluvné obdobie dvadsiatichštyroch (24) kalendárnych mesiacov,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
      <b/>
      <i/>
      <sz val="10"/>
      <color theme="1"/>
      <name val="Arial"/>
      <family val="2"/>
      <charset val="238"/>
    </font>
    <font>
      <b/>
      <sz val="10"/>
      <color theme="9" tint="-0.249977111117893"/>
      <name val="Arial"/>
      <family val="2"/>
      <charset val="238"/>
    </font>
    <font>
      <b/>
      <sz val="10"/>
      <color theme="7" tint="-0.249977111117893"/>
      <name val="Arial"/>
      <family val="2"/>
      <charset val="238"/>
    </font>
    <font>
      <b/>
      <sz val="10"/>
      <color theme="8" tint="-0.249977111117893"/>
      <name val="Arial"/>
      <family val="2"/>
      <charset val="238"/>
    </font>
    <font>
      <b/>
      <sz val="10"/>
      <color theme="2" tint="-0.499984740745262"/>
      <name val="Arial"/>
      <family val="2"/>
      <charset val="238"/>
    </font>
    <font>
      <sz val="11"/>
      <name val="Arial"/>
      <family val="2"/>
      <charset val="238"/>
    </font>
    <font>
      <b/>
      <sz val="10"/>
      <color rgb="FFC00000"/>
      <name val="Arial"/>
      <family val="2"/>
      <charset val="238"/>
    </font>
    <font>
      <i/>
      <sz val="10"/>
      <color theme="1"/>
      <name val="Arial"/>
      <family val="2"/>
      <charset val="238"/>
    </font>
  </fonts>
  <fills count="11">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7" tint="0.39997558519241921"/>
        <bgColor indexed="64"/>
      </patternFill>
    </fill>
    <fill>
      <patternFill patternType="solid">
        <fgColor theme="5" tint="0.59999389629810485"/>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0" tint="-0.14999847407452621"/>
        <bgColor indexed="64"/>
      </patternFill>
    </fill>
  </fills>
  <borders count="7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bottom style="medium">
        <color auto="1"/>
      </bottom>
      <diagonal/>
    </border>
    <border>
      <left style="medium">
        <color auto="1"/>
      </left>
      <right style="thin">
        <color auto="1"/>
      </right>
      <top style="dotted">
        <color auto="1"/>
      </top>
      <bottom style="thin">
        <color indexed="64"/>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thin">
        <color auto="1"/>
      </left>
      <right/>
      <top/>
      <bottom style="dotted">
        <color indexed="64"/>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medium">
        <color auto="1"/>
      </left>
      <right style="thin">
        <color auto="1"/>
      </right>
      <top style="dotted">
        <color auto="1"/>
      </top>
      <bottom/>
      <diagonal/>
    </border>
    <border>
      <left style="thin">
        <color auto="1"/>
      </left>
      <right style="dotted">
        <color auto="1"/>
      </right>
      <top style="dotted">
        <color auto="1"/>
      </top>
      <bottom/>
      <diagonal/>
    </border>
    <border>
      <left style="thin">
        <color auto="1"/>
      </left>
      <right style="dotted">
        <color auto="1"/>
      </right>
      <top style="medium">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style="thin">
        <color auto="1"/>
      </right>
      <top/>
      <bottom style="thin">
        <color auto="1"/>
      </bottom>
      <diagonal/>
    </border>
    <border>
      <left style="thin">
        <color auto="1"/>
      </left>
      <right style="medium">
        <color indexed="64"/>
      </right>
      <top style="thin">
        <color auto="1"/>
      </top>
      <bottom style="dotted">
        <color indexed="64"/>
      </bottom>
      <diagonal/>
    </border>
    <border>
      <left style="thin">
        <color auto="1"/>
      </left>
      <right style="medium">
        <color indexed="64"/>
      </right>
      <top/>
      <bottom style="thin">
        <color auto="1"/>
      </bottom>
      <diagonal/>
    </border>
    <border>
      <left style="thin">
        <color auto="1"/>
      </left>
      <right style="medium">
        <color indexed="64"/>
      </right>
      <top style="dotted">
        <color indexed="64"/>
      </top>
      <bottom style="thin">
        <color auto="1"/>
      </bottom>
      <diagonal/>
    </border>
    <border>
      <left style="thin">
        <color auto="1"/>
      </left>
      <right style="thin">
        <color auto="1"/>
      </right>
      <top/>
      <bottom/>
      <diagonal/>
    </border>
    <border>
      <left style="thin">
        <color auto="1"/>
      </left>
      <right style="medium">
        <color indexed="64"/>
      </right>
      <top/>
      <bottom/>
      <diagonal/>
    </border>
    <border>
      <left style="thin">
        <color auto="1"/>
      </left>
      <right style="thin">
        <color auto="1"/>
      </right>
      <top style="dotted">
        <color auto="1"/>
      </top>
      <bottom/>
      <diagonal/>
    </border>
    <border>
      <left/>
      <right style="thin">
        <color auto="1"/>
      </right>
      <top style="dotted">
        <color auto="1"/>
      </top>
      <bottom/>
      <diagonal/>
    </border>
    <border>
      <left style="medium">
        <color auto="1"/>
      </left>
      <right style="dotted">
        <color indexed="64"/>
      </right>
      <top style="dotted">
        <color auto="1"/>
      </top>
      <bottom style="dotted">
        <color indexed="64"/>
      </bottom>
      <diagonal/>
    </border>
    <border>
      <left style="medium">
        <color auto="1"/>
      </left>
      <right style="thin">
        <color auto="1"/>
      </right>
      <top/>
      <bottom style="thin">
        <color auto="1"/>
      </bottom>
      <diagonal/>
    </border>
    <border>
      <left style="thin">
        <color auto="1"/>
      </left>
      <right/>
      <top/>
      <bottom style="thin">
        <color auto="1"/>
      </bottom>
      <diagonal/>
    </border>
    <border>
      <left/>
      <right style="medium">
        <color indexed="64"/>
      </right>
      <top/>
      <bottom style="thin">
        <color auto="1"/>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thin">
        <color auto="1"/>
      </right>
      <top/>
      <bottom style="thin">
        <color auto="1"/>
      </bottom>
      <diagonal/>
    </border>
    <border>
      <left style="medium">
        <color auto="1"/>
      </left>
      <right/>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thin">
        <color auto="1"/>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4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2" xfId="0" applyFont="1" applyBorder="1" applyAlignment="1">
      <alignment vertical="center" wrapText="1"/>
    </xf>
    <xf numFmtId="0" fontId="2" fillId="0" borderId="12" xfId="0" applyFont="1" applyFill="1" applyBorder="1" applyAlignment="1">
      <alignment horizontal="center"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1"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7"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49" fontId="2" fillId="0" borderId="26" xfId="0" applyNumberFormat="1" applyFont="1" applyFill="1" applyBorder="1" applyAlignment="1">
      <alignment horizontal="left" vertical="center" wrapText="1"/>
    </xf>
    <xf numFmtId="0" fontId="7" fillId="0" borderId="27"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2" xfId="0" applyNumberFormat="1" applyFont="1" applyBorder="1" applyAlignment="1">
      <alignment horizontal="center" vertical="center" wrapText="1"/>
    </xf>
    <xf numFmtId="49" fontId="2" fillId="0" borderId="30" xfId="0" applyNumberFormat="1" applyFont="1" applyFill="1" applyBorder="1" applyAlignment="1">
      <alignment horizontal="left" vertical="center" wrapText="1"/>
    </xf>
    <xf numFmtId="0" fontId="7" fillId="0" borderId="32"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0" fontId="10" fillId="0" borderId="0" xfId="0" applyFont="1" applyBorder="1" applyAlignment="1">
      <alignment horizontal="center" vertical="center" wrapText="1"/>
    </xf>
    <xf numFmtId="49" fontId="2" fillId="0" borderId="37" xfId="0" applyNumberFormat="1" applyFont="1" applyFill="1" applyBorder="1" applyAlignment="1">
      <alignment horizontal="left" vertical="center" wrapText="1"/>
    </xf>
    <xf numFmtId="0" fontId="4" fillId="0" borderId="12"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4" fillId="0" borderId="32"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vertical="center" wrapText="1"/>
    </xf>
    <xf numFmtId="0" fontId="3" fillId="0" borderId="0" xfId="0" applyFont="1" applyFill="1" applyAlignment="1">
      <alignment horizontal="left" vertical="center" wrapText="1"/>
    </xf>
    <xf numFmtId="0" fontId="2" fillId="0" borderId="0" xfId="0" applyFont="1" applyAlignment="1">
      <alignment horizontal="center" vertical="center" wrapText="1"/>
    </xf>
    <xf numFmtId="0" fontId="4" fillId="0" borderId="0" xfId="0" applyNumberFormat="1" applyFont="1" applyAlignment="1">
      <alignment horizontal="left" vertical="top" wrapText="1"/>
    </xf>
    <xf numFmtId="0" fontId="2" fillId="0" borderId="43" xfId="0" applyFont="1" applyFill="1" applyBorder="1" applyAlignment="1">
      <alignment horizontal="left" vertical="center" wrapText="1"/>
    </xf>
    <xf numFmtId="49" fontId="2" fillId="0" borderId="46"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47" xfId="0" applyNumberFormat="1" applyFont="1" applyBorder="1" applyAlignment="1">
      <alignment horizontal="center" vertical="center" wrapText="1"/>
    </xf>
    <xf numFmtId="0" fontId="7" fillId="0" borderId="48" xfId="0" applyNumberFormat="1" applyFont="1" applyBorder="1" applyAlignment="1">
      <alignment horizontal="center" vertical="center" wrapText="1"/>
    </xf>
    <xf numFmtId="0" fontId="4" fillId="0" borderId="12" xfId="0" applyFont="1" applyBorder="1" applyAlignment="1">
      <alignment vertical="center" wrapText="1"/>
    </xf>
    <xf numFmtId="0" fontId="4" fillId="0" borderId="5" xfId="0" applyFont="1" applyBorder="1" applyAlignment="1">
      <alignment vertical="center" wrapText="1"/>
    </xf>
    <xf numFmtId="49" fontId="2" fillId="0" borderId="30" xfId="0" applyNumberFormat="1" applyFont="1" applyFill="1" applyBorder="1" applyAlignment="1">
      <alignment horizontal="right" vertical="center" wrapText="1"/>
    </xf>
    <xf numFmtId="49" fontId="2" fillId="0" borderId="38" xfId="0" applyNumberFormat="1" applyFont="1" applyFill="1" applyBorder="1" applyAlignment="1">
      <alignment horizontal="right" vertical="center" wrapText="1"/>
    </xf>
    <xf numFmtId="0" fontId="7" fillId="0" borderId="49" xfId="0" applyNumberFormat="1" applyFont="1" applyBorder="1" applyAlignment="1">
      <alignment horizontal="center" vertical="center" wrapText="1"/>
    </xf>
    <xf numFmtId="0" fontId="4" fillId="0" borderId="54"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7" fillId="0" borderId="31"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0" borderId="54" xfId="0" applyNumberFormat="1" applyFont="1" applyBorder="1" applyAlignment="1">
      <alignment horizontal="center" vertical="center" wrapText="1"/>
    </xf>
    <xf numFmtId="49" fontId="2" fillId="0" borderId="46" xfId="0" applyNumberFormat="1" applyFont="1" applyFill="1" applyBorder="1" applyAlignment="1">
      <alignment horizontal="right" vertical="center" wrapText="1"/>
    </xf>
    <xf numFmtId="0" fontId="4" fillId="0" borderId="57" xfId="0" applyFont="1" applyFill="1" applyBorder="1" applyAlignment="1">
      <alignment horizontal="left" vertical="center" wrapText="1"/>
    </xf>
    <xf numFmtId="49" fontId="2" fillId="0" borderId="59" xfId="0" applyNumberFormat="1" applyFont="1" applyFill="1" applyBorder="1" applyAlignment="1">
      <alignment horizontal="right" vertical="center" wrapText="1"/>
    </xf>
    <xf numFmtId="49" fontId="2" fillId="0" borderId="58" xfId="0" applyNumberFormat="1" applyFont="1" applyFill="1" applyBorder="1" applyAlignment="1">
      <alignment horizontal="right" vertical="center" wrapText="1"/>
    </xf>
    <xf numFmtId="0" fontId="7" fillId="0" borderId="40" xfId="0" applyNumberFormat="1" applyFont="1" applyBorder="1" applyAlignment="1">
      <alignment horizontal="center" vertical="center" wrapText="1"/>
    </xf>
    <xf numFmtId="0" fontId="2" fillId="3" borderId="62" xfId="0" applyFont="1" applyFill="1" applyBorder="1" applyAlignment="1">
      <alignment horizontal="left" vertical="top" wrapText="1"/>
    </xf>
    <xf numFmtId="0" fontId="2" fillId="3" borderId="64" xfId="0" applyFont="1" applyFill="1" applyBorder="1" applyAlignment="1">
      <alignment horizontal="center" vertical="top" wrapText="1"/>
    </xf>
    <xf numFmtId="0" fontId="2" fillId="3" borderId="65" xfId="0" applyFont="1" applyFill="1" applyBorder="1" applyAlignment="1">
      <alignment horizontal="center" vertical="top" wrapText="1"/>
    </xf>
    <xf numFmtId="0" fontId="2" fillId="0" borderId="59" xfId="0" applyFont="1" applyFill="1" applyBorder="1" applyAlignment="1">
      <alignment vertical="center" wrapText="1"/>
    </xf>
    <xf numFmtId="0" fontId="2" fillId="0" borderId="50" xfId="0" applyFont="1" applyFill="1" applyBorder="1" applyAlignment="1">
      <alignment horizontal="center" vertical="center" wrapText="1"/>
    </xf>
    <xf numFmtId="0" fontId="2" fillId="0" borderId="9" xfId="0" applyFont="1" applyFill="1" applyBorder="1" applyAlignment="1">
      <alignment vertical="center" wrapText="1"/>
    </xf>
    <xf numFmtId="49" fontId="2" fillId="2" borderId="47" xfId="0" applyNumberFormat="1" applyFont="1" applyFill="1" applyBorder="1" applyAlignment="1">
      <alignment horizontal="center" vertical="center" wrapText="1"/>
    </xf>
    <xf numFmtId="0" fontId="4" fillId="0" borderId="12" xfId="0" applyFont="1" applyBorder="1" applyAlignment="1">
      <alignment horizontal="left" vertical="center" wrapText="1"/>
    </xf>
    <xf numFmtId="0" fontId="2" fillId="0" borderId="6" xfId="0" applyFont="1" applyBorder="1" applyAlignment="1">
      <alignment vertical="center" wrapText="1"/>
    </xf>
    <xf numFmtId="16" fontId="4" fillId="0" borderId="46" xfId="0" applyNumberFormat="1" applyFont="1" applyBorder="1" applyAlignment="1">
      <alignment horizontal="center" vertical="center" wrapText="1"/>
    </xf>
    <xf numFmtId="16" fontId="4" fillId="0" borderId="30" xfId="0" applyNumberFormat="1" applyFont="1" applyBorder="1" applyAlignment="1">
      <alignment horizontal="center" vertical="center" wrapText="1"/>
    </xf>
    <xf numFmtId="16" fontId="4" fillId="0" borderId="13" xfId="0" applyNumberFormat="1" applyFont="1" applyBorder="1" applyAlignment="1">
      <alignment horizontal="center" vertical="center" wrapText="1"/>
    </xf>
    <xf numFmtId="0" fontId="2" fillId="0" borderId="69" xfId="0" applyFont="1" applyBorder="1" applyAlignment="1">
      <alignment vertical="center" wrapText="1"/>
    </xf>
    <xf numFmtId="0" fontId="2" fillId="0" borderId="76" xfId="0" applyFont="1" applyBorder="1" applyAlignment="1">
      <alignment vertical="center" wrapText="1"/>
    </xf>
    <xf numFmtId="17" fontId="4" fillId="0" borderId="30" xfId="0" applyNumberFormat="1" applyFont="1" applyBorder="1" applyAlignment="1">
      <alignment horizontal="center" vertical="center" wrapText="1"/>
    </xf>
    <xf numFmtId="17" fontId="4" fillId="0" borderId="13" xfId="0" applyNumberFormat="1" applyFont="1" applyBorder="1" applyAlignment="1">
      <alignment horizontal="center" vertical="center" wrapText="1"/>
    </xf>
    <xf numFmtId="0" fontId="2" fillId="0" borderId="12" xfId="0" applyFont="1" applyFill="1" applyBorder="1" applyAlignment="1">
      <alignment vertical="center" wrapText="1"/>
    </xf>
    <xf numFmtId="3" fontId="4" fillId="0" borderId="12" xfId="0" applyNumberFormat="1" applyFont="1" applyFill="1" applyBorder="1" applyAlignment="1">
      <alignment horizontal="center" vertical="center" wrapText="1"/>
    </xf>
    <xf numFmtId="4" fontId="19" fillId="0" borderId="52" xfId="0" applyNumberFormat="1" applyFont="1" applyFill="1" applyBorder="1" applyAlignment="1">
      <alignment horizontal="center" vertical="center" wrapText="1"/>
    </xf>
    <xf numFmtId="4" fontId="19" fillId="0" borderId="10" xfId="0" applyNumberFormat="1" applyFont="1" applyFill="1" applyBorder="1" applyAlignment="1">
      <alignment horizontal="center" vertical="center" wrapText="1"/>
    </xf>
    <xf numFmtId="3" fontId="19" fillId="0" borderId="10" xfId="0" applyNumberFormat="1" applyFont="1" applyFill="1" applyBorder="1" applyAlignment="1">
      <alignment horizontal="center" vertical="center" wrapText="1"/>
    </xf>
    <xf numFmtId="0" fontId="3" fillId="0" borderId="39" xfId="0" applyFont="1" applyFill="1" applyBorder="1" applyAlignment="1">
      <alignment horizontal="left" vertical="center" wrapText="1"/>
    </xf>
    <xf numFmtId="0" fontId="3" fillId="0" borderId="25" xfId="0" applyFont="1" applyFill="1" applyBorder="1" applyAlignment="1">
      <alignment horizontal="left" vertical="center" wrapText="1"/>
    </xf>
    <xf numFmtId="0" fontId="2" fillId="0" borderId="25" xfId="0" applyFont="1" applyBorder="1" applyAlignment="1">
      <alignment vertical="center" wrapText="1"/>
    </xf>
    <xf numFmtId="0" fontId="4" fillId="0" borderId="27"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12" xfId="0" applyFont="1" applyFill="1" applyBorder="1" applyAlignment="1" applyProtection="1">
      <alignment vertical="center" wrapText="1"/>
      <protection locked="0"/>
    </xf>
    <xf numFmtId="0" fontId="2" fillId="0" borderId="0" xfId="0" applyFont="1" applyFill="1" applyAlignment="1">
      <alignment horizontal="justify" vertical="center"/>
    </xf>
    <xf numFmtId="0" fontId="2" fillId="0" borderId="40" xfId="0" applyFont="1" applyFill="1" applyBorder="1" applyAlignment="1">
      <alignment horizontal="justify" vertical="center"/>
    </xf>
    <xf numFmtId="0" fontId="2" fillId="0" borderId="12" xfId="0" applyFont="1" applyFill="1" applyBorder="1" applyAlignment="1">
      <alignment vertical="center" wrapText="1"/>
    </xf>
    <xf numFmtId="0" fontId="2" fillId="0" borderId="10" xfId="0" applyFont="1" applyFill="1" applyBorder="1" applyAlignment="1">
      <alignmen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54" xfId="0" applyFont="1" applyFill="1" applyBorder="1" applyAlignment="1">
      <alignment vertical="center" wrapText="1"/>
    </xf>
    <xf numFmtId="0" fontId="2" fillId="0" borderId="55" xfId="0" applyFont="1" applyFill="1" applyBorder="1" applyAlignment="1">
      <alignment vertical="center" wrapText="1"/>
    </xf>
    <xf numFmtId="0" fontId="2" fillId="0" borderId="25" xfId="0" applyFont="1" applyFill="1" applyBorder="1" applyAlignment="1">
      <alignment vertical="center" wrapText="1"/>
    </xf>
    <xf numFmtId="0" fontId="2" fillId="0" borderId="35" xfId="0" applyFont="1" applyFill="1" applyBorder="1" applyAlignment="1">
      <alignment vertical="center" wrapText="1"/>
    </xf>
    <xf numFmtId="0" fontId="2" fillId="0" borderId="40" xfId="0" applyFont="1" applyFill="1" applyBorder="1" applyAlignment="1">
      <alignment vertical="center" wrapText="1"/>
    </xf>
    <xf numFmtId="0" fontId="2" fillId="0" borderId="53" xfId="0" applyFont="1" applyFill="1" applyBorder="1" applyAlignment="1">
      <alignmen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3" fillId="0" borderId="0" xfId="0" applyFont="1" applyAlignment="1">
      <alignment horizontal="center"/>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left" wrapText="1"/>
    </xf>
    <xf numFmtId="0" fontId="2" fillId="0" borderId="0" xfId="0" applyFont="1" applyAlignment="1">
      <alignment horizontal="center" vertical="center" wrapText="1"/>
    </xf>
    <xf numFmtId="0" fontId="7"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0"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0" borderId="41"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27" xfId="0" applyFont="1" applyFill="1" applyBorder="1" applyAlignment="1">
      <alignment vertical="center" wrapText="1"/>
    </xf>
    <xf numFmtId="0" fontId="2" fillId="0" borderId="28" xfId="0" applyFont="1" applyFill="1" applyBorder="1" applyAlignment="1">
      <alignment vertical="center" wrapText="1"/>
    </xf>
    <xf numFmtId="0" fontId="2" fillId="0" borderId="49" xfId="0" applyFont="1" applyFill="1" applyBorder="1" applyAlignment="1">
      <alignment vertical="center" wrapText="1"/>
    </xf>
    <xf numFmtId="0" fontId="2" fillId="0" borderId="51" xfId="0" applyFont="1" applyFill="1" applyBorder="1" applyAlignment="1">
      <alignment vertical="center" wrapText="1"/>
    </xf>
    <xf numFmtId="0" fontId="2" fillId="0" borderId="60" xfId="0" applyFont="1" applyFill="1" applyBorder="1" applyAlignment="1">
      <alignment vertical="center" wrapText="1"/>
    </xf>
    <xf numFmtId="0" fontId="2" fillId="0" borderId="61" xfId="0" applyFont="1" applyFill="1" applyBorder="1" applyAlignment="1">
      <alignment vertical="center" wrapText="1"/>
    </xf>
    <xf numFmtId="0" fontId="2" fillId="0" borderId="5" xfId="0" applyFont="1" applyFill="1" applyBorder="1" applyAlignment="1">
      <alignment vertical="center" wrapText="1"/>
    </xf>
    <xf numFmtId="0" fontId="2" fillId="0" borderId="29" xfId="0" applyFont="1" applyFill="1" applyBorder="1" applyAlignment="1">
      <alignment vertical="center" wrapText="1"/>
    </xf>
    <xf numFmtId="49" fontId="5" fillId="5" borderId="5" xfId="0" applyNumberFormat="1" applyFont="1" applyFill="1" applyBorder="1" applyAlignment="1">
      <alignment horizontal="left" vertical="center" wrapText="1"/>
    </xf>
    <xf numFmtId="49" fontId="5" fillId="5" borderId="36" xfId="0" applyNumberFormat="1" applyFont="1" applyFill="1" applyBorder="1" applyAlignment="1">
      <alignment horizontal="left" vertical="center" wrapText="1"/>
    </xf>
    <xf numFmtId="49" fontId="5" fillId="5" borderId="6" xfId="0" applyNumberFormat="1" applyFont="1" applyFill="1" applyBorder="1" applyAlignment="1">
      <alignment horizontal="left" vertical="center" wrapText="1"/>
    </xf>
    <xf numFmtId="0" fontId="13" fillId="7" borderId="36" xfId="0" applyFont="1" applyFill="1" applyBorder="1" applyAlignment="1">
      <alignment horizontal="left" vertical="center" wrapText="1"/>
    </xf>
    <xf numFmtId="0" fontId="13" fillId="7" borderId="6" xfId="0" applyFont="1" applyFill="1" applyBorder="1" applyAlignment="1">
      <alignment horizontal="left" vertical="center" wrapText="1"/>
    </xf>
    <xf numFmtId="0" fontId="14" fillId="9" borderId="36" xfId="0" applyFont="1" applyFill="1" applyBorder="1" applyAlignment="1">
      <alignment horizontal="left" vertical="center" wrapText="1"/>
    </xf>
    <xf numFmtId="0" fontId="14" fillId="9" borderId="6" xfId="0" applyFont="1" applyFill="1" applyBorder="1" applyAlignment="1">
      <alignment horizontal="left" vertical="center" wrapText="1"/>
    </xf>
    <xf numFmtId="0" fontId="14" fillId="6" borderId="36" xfId="0" applyFont="1" applyFill="1" applyBorder="1" applyAlignment="1">
      <alignment vertical="center" wrapText="1"/>
    </xf>
    <xf numFmtId="0" fontId="14" fillId="6" borderId="6" xfId="0" applyFont="1" applyFill="1" applyBorder="1" applyAlignment="1">
      <alignment vertical="center" wrapText="1"/>
    </xf>
    <xf numFmtId="0" fontId="14" fillId="8" borderId="5" xfId="0" applyFont="1" applyFill="1" applyBorder="1" applyAlignment="1">
      <alignment horizontal="left" vertical="center" wrapText="1"/>
    </xf>
    <xf numFmtId="0" fontId="14" fillId="8" borderId="36" xfId="0" applyFont="1" applyFill="1" applyBorder="1" applyAlignment="1">
      <alignment horizontal="left" vertical="center" wrapText="1"/>
    </xf>
    <xf numFmtId="0" fontId="14" fillId="8" borderId="6" xfId="0" applyFont="1" applyFill="1" applyBorder="1" applyAlignment="1">
      <alignment horizontal="left" vertical="center" wrapText="1"/>
    </xf>
    <xf numFmtId="0" fontId="14" fillId="10" borderId="5" xfId="0" applyFont="1" applyFill="1" applyBorder="1" applyAlignment="1">
      <alignment horizontal="left" vertical="center" wrapText="1"/>
    </xf>
    <xf numFmtId="0" fontId="14" fillId="10" borderId="36" xfId="0" applyFont="1" applyFill="1" applyBorder="1" applyAlignment="1">
      <alignment horizontal="left" vertical="center" wrapText="1"/>
    </xf>
    <xf numFmtId="0" fontId="14" fillId="10" borderId="6" xfId="0" applyFont="1" applyFill="1" applyBorder="1" applyAlignment="1">
      <alignment horizontal="left" vertical="center" wrapText="1"/>
    </xf>
    <xf numFmtId="0" fontId="2" fillId="3" borderId="16" xfId="0" applyFont="1" applyFill="1" applyBorder="1" applyAlignment="1">
      <alignment horizontal="left" vertical="top" wrapText="1"/>
    </xf>
    <xf numFmtId="0" fontId="2" fillId="3" borderId="63" xfId="0" applyFont="1" applyFill="1" applyBorder="1" applyAlignment="1">
      <alignment horizontal="left" vertical="top" wrapText="1"/>
    </xf>
    <xf numFmtId="0" fontId="2" fillId="0" borderId="0" xfId="0" applyFont="1" applyFill="1" applyAlignment="1">
      <alignment horizontal="left" wrapText="1"/>
    </xf>
    <xf numFmtId="0" fontId="14" fillId="7" borderId="66" xfId="0" applyFont="1" applyFill="1" applyBorder="1" applyAlignment="1">
      <alignment horizontal="left" vertical="center" wrapText="1"/>
    </xf>
    <xf numFmtId="0" fontId="14" fillId="7" borderId="67" xfId="0" applyFont="1" applyFill="1" applyBorder="1" applyAlignment="1">
      <alignment horizontal="left" vertical="center" wrapText="1"/>
    </xf>
    <xf numFmtId="0" fontId="14" fillId="7" borderId="68" xfId="0" applyFont="1" applyFill="1" applyBorder="1" applyAlignment="1">
      <alignment horizontal="left" vertical="center" wrapText="1"/>
    </xf>
    <xf numFmtId="0" fontId="4" fillId="0" borderId="60" xfId="0" applyFont="1" applyFill="1" applyBorder="1" applyAlignment="1">
      <alignment horizontal="left" vertical="center" wrapText="1"/>
    </xf>
    <xf numFmtId="0" fontId="4" fillId="0" borderId="69" xfId="0" applyFont="1" applyFill="1" applyBorder="1" applyAlignment="1">
      <alignment horizontal="left" vertical="center" wrapText="1"/>
    </xf>
    <xf numFmtId="49" fontId="3" fillId="2" borderId="70"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71" xfId="0" applyNumberFormat="1" applyFont="1" applyFill="1" applyBorder="1" applyAlignment="1">
      <alignment horizontal="center" vertical="center" wrapText="1"/>
    </xf>
    <xf numFmtId="49" fontId="2" fillId="2" borderId="72"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14" fillId="7" borderId="73" xfId="0" applyNumberFormat="1" applyFont="1" applyFill="1" applyBorder="1" applyAlignment="1">
      <alignment horizontal="left" vertical="center" wrapText="1"/>
    </xf>
    <xf numFmtId="49" fontId="14" fillId="7" borderId="74" xfId="0" applyNumberFormat="1" applyFont="1" applyFill="1" applyBorder="1" applyAlignment="1">
      <alignment horizontal="left" vertical="center" wrapText="1"/>
    </xf>
    <xf numFmtId="49" fontId="14" fillId="7" borderId="75" xfId="0" applyNumberFormat="1" applyFont="1" applyFill="1" applyBorder="1" applyAlignment="1">
      <alignment horizontal="left" vertical="center" wrapText="1"/>
    </xf>
    <xf numFmtId="49" fontId="17" fillId="5" borderId="73" xfId="0" applyNumberFormat="1" applyFont="1" applyFill="1" applyBorder="1" applyAlignment="1">
      <alignment horizontal="left" vertical="center" wrapText="1"/>
    </xf>
    <xf numFmtId="49" fontId="17" fillId="5" borderId="74" xfId="0" applyNumberFormat="1" applyFont="1" applyFill="1" applyBorder="1" applyAlignment="1">
      <alignment horizontal="left" vertical="center" wrapText="1"/>
    </xf>
    <xf numFmtId="49" fontId="17" fillId="5" borderId="75" xfId="0" applyNumberFormat="1" applyFont="1" applyFill="1" applyBorder="1" applyAlignment="1">
      <alignment horizontal="left" vertical="center" wrapText="1"/>
    </xf>
    <xf numFmtId="49" fontId="2" fillId="0" borderId="33" xfId="0" applyNumberFormat="1" applyFont="1" applyBorder="1" applyAlignment="1">
      <alignment horizontal="left" vertical="center" wrapText="1"/>
    </xf>
    <xf numFmtId="49" fontId="2" fillId="0" borderId="34" xfId="0" applyNumberFormat="1" applyFont="1" applyBorder="1" applyAlignment="1">
      <alignment horizontal="left" vertical="center" wrapText="1"/>
    </xf>
    <xf numFmtId="0" fontId="14" fillId="9" borderId="66" xfId="0" applyFont="1" applyFill="1" applyBorder="1" applyAlignment="1">
      <alignment horizontal="left" vertical="center" wrapText="1"/>
    </xf>
    <xf numFmtId="0" fontId="14" fillId="9" borderId="67" xfId="0" applyFont="1" applyFill="1" applyBorder="1" applyAlignment="1">
      <alignment horizontal="left" vertical="center" wrapText="1"/>
    </xf>
    <xf numFmtId="0" fontId="14" fillId="9" borderId="68" xfId="0" applyFont="1" applyFill="1" applyBorder="1" applyAlignment="1">
      <alignment horizontal="left" vertical="center" wrapText="1"/>
    </xf>
    <xf numFmtId="49" fontId="14" fillId="9" borderId="73" xfId="0" applyNumberFormat="1" applyFont="1" applyFill="1" applyBorder="1" applyAlignment="1">
      <alignment horizontal="left" vertical="center" wrapText="1"/>
    </xf>
    <xf numFmtId="49" fontId="14" fillId="9" borderId="74" xfId="0" applyNumberFormat="1" applyFont="1" applyFill="1" applyBorder="1" applyAlignment="1">
      <alignment horizontal="left" vertical="center" wrapText="1"/>
    </xf>
    <xf numFmtId="49" fontId="14" fillId="9" borderId="75" xfId="0" applyNumberFormat="1" applyFont="1" applyFill="1" applyBorder="1" applyAlignment="1">
      <alignment horizontal="left" vertical="center" wrapText="1"/>
    </xf>
    <xf numFmtId="49" fontId="2" fillId="0" borderId="33" xfId="0" applyNumberFormat="1" applyFont="1" applyBorder="1" applyAlignment="1">
      <alignment horizontal="center" vertical="center" wrapText="1"/>
    </xf>
    <xf numFmtId="49" fontId="2" fillId="0" borderId="34" xfId="0" applyNumberFormat="1" applyFont="1" applyBorder="1" applyAlignment="1">
      <alignment horizontal="center" vertical="center" wrapText="1"/>
    </xf>
    <xf numFmtId="49" fontId="2" fillId="0" borderId="5" xfId="0" applyNumberFormat="1" applyFont="1" applyBorder="1" applyAlignment="1">
      <alignment vertical="center" wrapText="1"/>
    </xf>
    <xf numFmtId="49" fontId="2" fillId="0" borderId="29" xfId="0" applyNumberFormat="1" applyFont="1" applyBorder="1" applyAlignment="1">
      <alignment vertical="center" wrapText="1"/>
    </xf>
    <xf numFmtId="0" fontId="14" fillId="6" borderId="66" xfId="0" applyFont="1" applyFill="1" applyBorder="1" applyAlignment="1">
      <alignment horizontal="left" vertical="center" wrapText="1"/>
    </xf>
    <xf numFmtId="0" fontId="14" fillId="6" borderId="67" xfId="0" applyFont="1" applyFill="1" applyBorder="1" applyAlignment="1">
      <alignment horizontal="left" vertical="center" wrapText="1"/>
    </xf>
    <xf numFmtId="0" fontId="14" fillId="6" borderId="68" xfId="0" applyFont="1" applyFill="1" applyBorder="1" applyAlignment="1">
      <alignment horizontal="left" vertical="center" wrapText="1"/>
    </xf>
    <xf numFmtId="49" fontId="14" fillId="6" borderId="73" xfId="0" applyNumberFormat="1" applyFont="1" applyFill="1" applyBorder="1" applyAlignment="1">
      <alignment horizontal="left" vertical="center" wrapText="1"/>
    </xf>
    <xf numFmtId="49" fontId="14" fillId="6" borderId="74" xfId="0" applyNumberFormat="1" applyFont="1" applyFill="1" applyBorder="1" applyAlignment="1">
      <alignment horizontal="left" vertical="center" wrapText="1"/>
    </xf>
    <xf numFmtId="49" fontId="14" fillId="6" borderId="75" xfId="0" applyNumberFormat="1" applyFont="1" applyFill="1" applyBorder="1" applyAlignment="1">
      <alignment horizontal="left" vertical="center" wrapText="1"/>
    </xf>
    <xf numFmtId="0" fontId="14" fillId="8" borderId="66" xfId="0" applyFont="1" applyFill="1" applyBorder="1" applyAlignment="1">
      <alignment horizontal="left" vertical="center" wrapText="1"/>
    </xf>
    <xf numFmtId="0" fontId="14" fillId="8" borderId="67" xfId="0" applyFont="1" applyFill="1" applyBorder="1" applyAlignment="1">
      <alignment horizontal="left" vertical="center" wrapText="1"/>
    </xf>
    <xf numFmtId="0" fontId="14" fillId="8" borderId="68" xfId="0" applyFont="1" applyFill="1" applyBorder="1" applyAlignment="1">
      <alignment horizontal="left" vertical="center" wrapText="1"/>
    </xf>
    <xf numFmtId="49" fontId="14" fillId="8" borderId="73" xfId="0" applyNumberFormat="1" applyFont="1" applyFill="1" applyBorder="1" applyAlignment="1">
      <alignment horizontal="left" vertical="center" wrapText="1"/>
    </xf>
    <xf numFmtId="49" fontId="14" fillId="8" borderId="74" xfId="0" applyNumberFormat="1" applyFont="1" applyFill="1" applyBorder="1" applyAlignment="1">
      <alignment horizontal="left" vertical="center" wrapText="1"/>
    </xf>
    <xf numFmtId="49" fontId="14" fillId="8" borderId="75" xfId="0" applyNumberFormat="1" applyFont="1" applyFill="1" applyBorder="1" applyAlignment="1">
      <alignment horizontal="left" vertical="center" wrapText="1"/>
    </xf>
    <xf numFmtId="0" fontId="14" fillId="10" borderId="66" xfId="0" applyFont="1" applyFill="1" applyBorder="1" applyAlignment="1">
      <alignment horizontal="left" vertical="center" wrapText="1"/>
    </xf>
    <xf numFmtId="0" fontId="14" fillId="10" borderId="67" xfId="0" applyFont="1" applyFill="1" applyBorder="1" applyAlignment="1">
      <alignment horizontal="left" vertical="center" wrapText="1"/>
    </xf>
    <xf numFmtId="0" fontId="14" fillId="10" borderId="68" xfId="0" applyFont="1" applyFill="1" applyBorder="1" applyAlignment="1">
      <alignment horizontal="left" vertical="center" wrapText="1"/>
    </xf>
    <xf numFmtId="49" fontId="14" fillId="10" borderId="73" xfId="0" applyNumberFormat="1" applyFont="1" applyFill="1" applyBorder="1" applyAlignment="1">
      <alignment horizontal="left" vertical="center" wrapText="1"/>
    </xf>
    <xf numFmtId="49" fontId="14" fillId="10" borderId="74" xfId="0" applyNumberFormat="1" applyFont="1" applyFill="1" applyBorder="1" applyAlignment="1">
      <alignment horizontal="left" vertical="center" wrapText="1"/>
    </xf>
    <xf numFmtId="49" fontId="14" fillId="10" borderId="75" xfId="0" applyNumberFormat="1"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4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40</xdr:row>
          <xdr:rowOff>38100</xdr:rowOff>
        </xdr:from>
        <xdr:to>
          <xdr:col>0</xdr:col>
          <xdr:colOff>533400</xdr:colOff>
          <xdr:row>4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41</xdr:row>
          <xdr:rowOff>0</xdr:rowOff>
        </xdr:from>
        <xdr:to>
          <xdr:col>0</xdr:col>
          <xdr:colOff>523875</xdr:colOff>
          <xdr:row>4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F115"/>
  <sheetViews>
    <sheetView showGridLines="0" tabSelected="1" zoomScaleNormal="100" workbookViewId="0">
      <selection activeCell="A9" sqref="A9:E9"/>
    </sheetView>
  </sheetViews>
  <sheetFormatPr defaultColWidth="9.140625" defaultRowHeight="12.75" x14ac:dyDescent="0.2"/>
  <cols>
    <col min="1" max="1" width="13.4257812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47"/>
      <c r="C4" s="39"/>
      <c r="D4" s="39"/>
      <c r="E4" s="39"/>
    </row>
    <row r="5" spans="1:5" ht="24.95" customHeight="1" x14ac:dyDescent="0.2">
      <c r="A5" s="44" t="s">
        <v>50</v>
      </c>
      <c r="B5" s="48"/>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41"/>
      <c r="B10" s="41"/>
      <c r="C10" s="41"/>
      <c r="D10" s="41"/>
      <c r="E10" s="41"/>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41"/>
      <c r="B14" s="41"/>
      <c r="C14" s="41"/>
      <c r="D14" s="41"/>
      <c r="E14" s="41"/>
    </row>
    <row r="15" spans="1:5" x14ac:dyDescent="0.2">
      <c r="A15" s="40" t="s">
        <v>10</v>
      </c>
      <c r="B15" s="23"/>
      <c r="C15" s="23"/>
      <c r="D15" s="24"/>
      <c r="E15" s="24"/>
    </row>
    <row r="16" spans="1:5" s="3" customFormat="1" ht="24.95" customHeight="1" x14ac:dyDescent="0.25">
      <c r="A16" s="148" t="s">
        <v>57</v>
      </c>
      <c r="B16" s="148"/>
      <c r="C16" s="148"/>
      <c r="D16" s="21"/>
      <c r="E16" s="22"/>
    </row>
    <row r="17" spans="1:5" ht="5.0999999999999996" customHeight="1" x14ac:dyDescent="0.2">
      <c r="A17" s="159"/>
      <c r="B17" s="159"/>
      <c r="C17" s="159"/>
      <c r="E17" s="16"/>
    </row>
    <row r="18" spans="1:5" s="2" customFormat="1" ht="20.100000000000001" customHeight="1" x14ac:dyDescent="0.25">
      <c r="A18" s="138" t="s">
        <v>21</v>
      </c>
      <c r="B18" s="138"/>
      <c r="C18" s="138"/>
      <c r="D18" s="138"/>
      <c r="E18" s="138"/>
    </row>
    <row r="19" spans="1:5" ht="24.95" customHeight="1" x14ac:dyDescent="0.2">
      <c r="A19" s="142" t="s">
        <v>84</v>
      </c>
      <c r="B19" s="142"/>
      <c r="C19" s="142"/>
      <c r="D19" s="142"/>
      <c r="E19" s="142"/>
    </row>
    <row r="20" spans="1:5" ht="5.0999999999999996" customHeight="1" x14ac:dyDescent="0.2">
      <c r="A20" s="159"/>
      <c r="B20" s="159"/>
      <c r="C20" s="159"/>
      <c r="E20" s="16"/>
    </row>
    <row r="21" spans="1:5" s="2" customFormat="1" ht="20.100000000000001" customHeight="1" x14ac:dyDescent="0.25">
      <c r="A21" s="138" t="s">
        <v>22</v>
      </c>
      <c r="B21" s="138"/>
      <c r="C21" s="138"/>
      <c r="D21" s="138"/>
      <c r="E21" s="138"/>
    </row>
    <row r="22" spans="1:5" s="9" customFormat="1" ht="20.100000000000001" customHeight="1" x14ac:dyDescent="0.25">
      <c r="A22" s="143" t="s">
        <v>5</v>
      </c>
      <c r="B22" s="143"/>
      <c r="C22" s="143"/>
      <c r="D22" s="143"/>
      <c r="E22" s="143"/>
    </row>
    <row r="23" spans="1:5" s="9" customFormat="1" ht="20.100000000000001" customHeight="1" x14ac:dyDescent="0.25">
      <c r="A23" s="146" t="s">
        <v>16</v>
      </c>
      <c r="B23" s="147"/>
      <c r="C23" s="14"/>
      <c r="D23" s="14"/>
      <c r="E23" s="14"/>
    </row>
    <row r="24" spans="1:5" s="9" customFormat="1" ht="20.100000000000001" customHeight="1" x14ac:dyDescent="0.25">
      <c r="A24" s="13"/>
      <c r="B24" s="71" t="s">
        <v>19</v>
      </c>
      <c r="C24" s="14"/>
      <c r="D24" s="14"/>
      <c r="E24" s="14"/>
    </row>
    <row r="25" spans="1:5" s="9" customFormat="1" ht="20.100000000000001" customHeight="1" x14ac:dyDescent="0.25">
      <c r="A25" s="13"/>
      <c r="B25" s="13" t="s">
        <v>20</v>
      </c>
      <c r="C25" s="14"/>
      <c r="D25" s="14"/>
      <c r="E25" s="14"/>
    </row>
    <row r="26" spans="1:5" s="9" customFormat="1" ht="20.100000000000001" customHeight="1" x14ac:dyDescent="0.25">
      <c r="A26" s="146" t="s">
        <v>17</v>
      </c>
      <c r="B26" s="147"/>
      <c r="C26" s="14"/>
      <c r="D26" s="14"/>
      <c r="E26" s="14"/>
    </row>
    <row r="27" spans="1:5" s="9" customFormat="1" ht="31.5" customHeight="1" x14ac:dyDescent="0.25">
      <c r="A27" s="19" t="s">
        <v>67</v>
      </c>
      <c r="B27" s="144" t="s">
        <v>12</v>
      </c>
      <c r="C27" s="145"/>
      <c r="D27" s="20" t="s">
        <v>11</v>
      </c>
      <c r="E27" s="20" t="s">
        <v>164</v>
      </c>
    </row>
    <row r="28" spans="1:5" s="9" customFormat="1" ht="24.95" customHeight="1" x14ac:dyDescent="0.25">
      <c r="A28" s="187" t="s">
        <v>125</v>
      </c>
      <c r="B28" s="187"/>
      <c r="C28" s="187"/>
      <c r="D28" s="187"/>
      <c r="E28" s="188"/>
    </row>
    <row r="29" spans="1:5" s="9" customFormat="1" ht="24.95" customHeight="1" x14ac:dyDescent="0.25">
      <c r="A29" s="17" t="s">
        <v>68</v>
      </c>
      <c r="B29" s="126" t="s">
        <v>131</v>
      </c>
      <c r="C29" s="127"/>
      <c r="D29" s="18" t="s">
        <v>1</v>
      </c>
      <c r="E29" s="112">
        <v>49500</v>
      </c>
    </row>
    <row r="30" spans="1:5" s="9" customFormat="1" ht="24.95" customHeight="1" x14ac:dyDescent="0.25">
      <c r="A30" s="17" t="s">
        <v>81</v>
      </c>
      <c r="B30" s="126" t="s">
        <v>132</v>
      </c>
      <c r="C30" s="127"/>
      <c r="D30" s="18" t="s">
        <v>1</v>
      </c>
      <c r="E30" s="112">
        <v>79200</v>
      </c>
    </row>
    <row r="31" spans="1:5" s="9" customFormat="1" ht="24.95" customHeight="1" x14ac:dyDescent="0.25">
      <c r="A31" s="189" t="s">
        <v>126</v>
      </c>
      <c r="B31" s="189"/>
      <c r="C31" s="189"/>
      <c r="D31" s="189"/>
      <c r="E31" s="190"/>
    </row>
    <row r="32" spans="1:5" s="9" customFormat="1" ht="24.95" customHeight="1" x14ac:dyDescent="0.25">
      <c r="A32" s="17" t="s">
        <v>68</v>
      </c>
      <c r="B32" s="126" t="s">
        <v>122</v>
      </c>
      <c r="C32" s="127"/>
      <c r="D32" s="18" t="s">
        <v>1</v>
      </c>
      <c r="E32" s="112">
        <v>115390</v>
      </c>
    </row>
    <row r="33" spans="1:5" s="9" customFormat="1" ht="24.95" customHeight="1" x14ac:dyDescent="0.25">
      <c r="A33" s="191" t="s">
        <v>127</v>
      </c>
      <c r="B33" s="191"/>
      <c r="C33" s="191"/>
      <c r="D33" s="191"/>
      <c r="E33" s="192"/>
    </row>
    <row r="34" spans="1:5" s="9" customFormat="1" ht="24.95" customHeight="1" x14ac:dyDescent="0.25">
      <c r="A34" s="17" t="s">
        <v>68</v>
      </c>
      <c r="B34" s="126" t="s">
        <v>123</v>
      </c>
      <c r="C34" s="127"/>
      <c r="D34" s="18" t="s">
        <v>1</v>
      </c>
      <c r="E34" s="112">
        <v>7480</v>
      </c>
    </row>
    <row r="35" spans="1:5" s="9" customFormat="1" ht="24.95" customHeight="1" x14ac:dyDescent="0.25">
      <c r="A35" s="193" t="s">
        <v>128</v>
      </c>
      <c r="B35" s="194"/>
      <c r="C35" s="194"/>
      <c r="D35" s="194"/>
      <c r="E35" s="195"/>
    </row>
    <row r="36" spans="1:5" s="9" customFormat="1" ht="24.95" customHeight="1" x14ac:dyDescent="0.25">
      <c r="A36" s="17" t="s">
        <v>68</v>
      </c>
      <c r="B36" s="126" t="s">
        <v>129</v>
      </c>
      <c r="C36" s="127"/>
      <c r="D36" s="18" t="s">
        <v>1</v>
      </c>
      <c r="E36" s="112">
        <v>2000</v>
      </c>
    </row>
    <row r="37" spans="1:5" s="9" customFormat="1" ht="24.95" customHeight="1" x14ac:dyDescent="0.25">
      <c r="A37" s="196" t="s">
        <v>130</v>
      </c>
      <c r="B37" s="197"/>
      <c r="C37" s="197"/>
      <c r="D37" s="197"/>
      <c r="E37" s="198"/>
    </row>
    <row r="38" spans="1:5" s="9" customFormat="1" ht="24.95" customHeight="1" x14ac:dyDescent="0.25">
      <c r="A38" s="111" t="s">
        <v>68</v>
      </c>
      <c r="B38" s="126" t="s">
        <v>86</v>
      </c>
      <c r="C38" s="127"/>
      <c r="D38" s="18" t="s">
        <v>1</v>
      </c>
      <c r="E38" s="112">
        <v>15004</v>
      </c>
    </row>
    <row r="39" spans="1:5" s="9" customFormat="1" ht="4.5" customHeight="1" x14ac:dyDescent="0.25">
      <c r="A39" s="68"/>
      <c r="B39" s="68"/>
      <c r="C39" s="68"/>
      <c r="D39" s="14"/>
      <c r="E39" s="14"/>
    </row>
    <row r="40" spans="1:5" s="9" customFormat="1" ht="20.100000000000001" customHeight="1" x14ac:dyDescent="0.25">
      <c r="A40" s="146" t="s">
        <v>18</v>
      </c>
      <c r="B40" s="147"/>
      <c r="C40" s="68"/>
      <c r="D40" s="14"/>
      <c r="E40" s="14"/>
    </row>
    <row r="41" spans="1:5" s="9" customFormat="1" ht="20.100000000000001" customHeight="1" x14ac:dyDescent="0.2">
      <c r="A41" s="10"/>
      <c r="B41" s="9" t="s">
        <v>2</v>
      </c>
      <c r="C41" s="14"/>
      <c r="D41" s="14"/>
      <c r="E41" s="14"/>
    </row>
    <row r="42" spans="1:5" s="9" customFormat="1" ht="20.100000000000001" customHeight="1" x14ac:dyDescent="0.25">
      <c r="A42" s="13"/>
      <c r="B42" s="2" t="s">
        <v>3</v>
      </c>
      <c r="C42" s="14"/>
      <c r="D42" s="14"/>
      <c r="E42" s="14"/>
    </row>
    <row r="43" spans="1:5" ht="5.0999999999999996" customHeight="1" x14ac:dyDescent="0.2"/>
    <row r="44" spans="1:5" s="2" customFormat="1" ht="20.100000000000001" customHeight="1" x14ac:dyDescent="0.25">
      <c r="A44" s="138" t="s">
        <v>23</v>
      </c>
      <c r="B44" s="138"/>
      <c r="C44" s="138"/>
      <c r="D44" s="138"/>
      <c r="E44" s="138"/>
    </row>
    <row r="45" spans="1:5" s="2" customFormat="1" ht="5.0999999999999996" customHeight="1" x14ac:dyDescent="0.25">
      <c r="A45" s="16"/>
      <c r="C45" s="6"/>
      <c r="D45" s="6"/>
      <c r="E45" s="6"/>
    </row>
    <row r="46" spans="1:5" s="27" customFormat="1" ht="30.75" customHeight="1" x14ac:dyDescent="0.25">
      <c r="A46" s="184" t="s">
        <v>165</v>
      </c>
      <c r="B46" s="185"/>
      <c r="C46" s="185"/>
      <c r="D46" s="185"/>
      <c r="E46" s="186"/>
    </row>
    <row r="47" spans="1:5" s="3" customFormat="1" ht="5.0999999999999996" customHeight="1" x14ac:dyDescent="0.25">
      <c r="A47" s="5"/>
      <c r="B47" s="5"/>
      <c r="C47" s="7"/>
      <c r="D47" s="7"/>
      <c r="E47" s="28"/>
    </row>
    <row r="48" spans="1:5" s="2" customFormat="1" ht="20.100000000000001" customHeight="1" x14ac:dyDescent="0.25">
      <c r="A48" s="138" t="s">
        <v>48</v>
      </c>
      <c r="B48" s="138"/>
      <c r="C48" s="138"/>
      <c r="D48" s="138"/>
      <c r="E48" s="138"/>
    </row>
    <row r="49" spans="1:6" s="2" customFormat="1" ht="5.0999999999999996" customHeight="1" thickBot="1" x14ac:dyDescent="0.3">
      <c r="A49" s="16"/>
      <c r="C49" s="6"/>
      <c r="D49" s="6"/>
      <c r="E49" s="6"/>
    </row>
    <row r="50" spans="1:6" s="3" customFormat="1" ht="69" customHeight="1" x14ac:dyDescent="0.25">
      <c r="A50" s="150" t="s">
        <v>7</v>
      </c>
      <c r="B50" s="151"/>
      <c r="C50" s="154" t="s">
        <v>28</v>
      </c>
      <c r="D50" s="155"/>
      <c r="E50" s="156"/>
    </row>
    <row r="51" spans="1:6" s="3" customFormat="1" ht="30" customHeight="1" thickBot="1" x14ac:dyDescent="0.3">
      <c r="A51" s="152"/>
      <c r="B51" s="153"/>
      <c r="C51" s="26" t="s">
        <v>6</v>
      </c>
      <c r="D51" s="157" t="s">
        <v>29</v>
      </c>
      <c r="E51" s="158"/>
    </row>
    <row r="52" spans="1:6" s="3" customFormat="1" ht="53.25" customHeight="1" x14ac:dyDescent="0.25">
      <c r="A52" s="51" t="s">
        <v>14</v>
      </c>
      <c r="B52" s="119" t="s">
        <v>170</v>
      </c>
      <c r="C52" s="52"/>
      <c r="D52" s="176"/>
      <c r="E52" s="177"/>
    </row>
    <row r="53" spans="1:6" s="2" customFormat="1" ht="53.25" customHeight="1" x14ac:dyDescent="0.25">
      <c r="A53" s="53" t="s">
        <v>58</v>
      </c>
      <c r="B53" s="65" t="s">
        <v>101</v>
      </c>
      <c r="C53" s="54"/>
      <c r="D53" s="124"/>
      <c r="E53" s="125"/>
      <c r="F53" s="136"/>
    </row>
    <row r="54" spans="1:6" s="2" customFormat="1" ht="25.5" customHeight="1" x14ac:dyDescent="0.25">
      <c r="A54" s="53" t="s">
        <v>59</v>
      </c>
      <c r="B54" s="65" t="s">
        <v>102</v>
      </c>
      <c r="C54" s="54"/>
      <c r="D54" s="124"/>
      <c r="E54" s="125"/>
      <c r="F54" s="136"/>
    </row>
    <row r="55" spans="1:6" s="2" customFormat="1" ht="25.5" customHeight="1" x14ac:dyDescent="0.25">
      <c r="A55" s="81" t="s">
        <v>69</v>
      </c>
      <c r="B55" s="120" t="s">
        <v>103</v>
      </c>
      <c r="C55" s="83"/>
      <c r="D55" s="178"/>
      <c r="E55" s="179"/>
      <c r="F55" s="136"/>
    </row>
    <row r="56" spans="1:6" s="3" customFormat="1" ht="35.25" customHeight="1" x14ac:dyDescent="0.25">
      <c r="A56" s="90" t="s">
        <v>70</v>
      </c>
      <c r="B56" s="84" t="s">
        <v>104</v>
      </c>
      <c r="C56" s="88"/>
      <c r="D56" s="130"/>
      <c r="E56" s="131"/>
      <c r="F56" s="136"/>
    </row>
    <row r="57" spans="1:6" s="3" customFormat="1" ht="25.5" customHeight="1" x14ac:dyDescent="0.25">
      <c r="A57" s="90" t="s">
        <v>71</v>
      </c>
      <c r="B57" s="86" t="s">
        <v>134</v>
      </c>
      <c r="C57" s="89"/>
      <c r="D57" s="132"/>
      <c r="E57" s="133"/>
      <c r="F57" s="136"/>
    </row>
    <row r="58" spans="1:6" s="3" customFormat="1" ht="50.25" customHeight="1" x14ac:dyDescent="0.25">
      <c r="A58" s="93" t="s">
        <v>72</v>
      </c>
      <c r="B58" s="91" t="s">
        <v>105</v>
      </c>
      <c r="C58" s="88"/>
      <c r="D58" s="134"/>
      <c r="E58" s="135"/>
      <c r="F58" s="136"/>
    </row>
    <row r="59" spans="1:6" s="2" customFormat="1" ht="125.25" customHeight="1" x14ac:dyDescent="0.25">
      <c r="A59" s="92" t="s">
        <v>73</v>
      </c>
      <c r="B59" s="85" t="s">
        <v>106</v>
      </c>
      <c r="C59" s="94"/>
      <c r="D59" s="124"/>
      <c r="E59" s="125"/>
      <c r="F59" s="136"/>
    </row>
    <row r="60" spans="1:6" s="2" customFormat="1" ht="219.75" customHeight="1" x14ac:dyDescent="0.25">
      <c r="A60" s="53" t="s">
        <v>60</v>
      </c>
      <c r="B60" s="65" t="s">
        <v>135</v>
      </c>
      <c r="C60" s="54"/>
      <c r="D60" s="124"/>
      <c r="E60" s="125"/>
    </row>
    <row r="61" spans="1:6" s="2" customFormat="1" ht="121.5" customHeight="1" x14ac:dyDescent="0.25">
      <c r="A61" s="53" t="s">
        <v>61</v>
      </c>
      <c r="B61" s="121" t="s">
        <v>136</v>
      </c>
      <c r="C61" s="54"/>
      <c r="D61" s="124"/>
      <c r="E61" s="125"/>
    </row>
    <row r="62" spans="1:6" s="3" customFormat="1" ht="107.25" customHeight="1" x14ac:dyDescent="0.25">
      <c r="A62" s="55" t="s">
        <v>62</v>
      </c>
      <c r="B62" s="122" t="s">
        <v>137</v>
      </c>
      <c r="C62" s="87"/>
      <c r="D62" s="178"/>
      <c r="E62" s="179"/>
    </row>
    <row r="63" spans="1:6" s="30" customFormat="1" ht="79.5" customHeight="1" x14ac:dyDescent="0.25">
      <c r="A63" s="82" t="s">
        <v>30</v>
      </c>
      <c r="B63" s="123" t="s">
        <v>138</v>
      </c>
      <c r="C63" s="94"/>
      <c r="D63" s="180"/>
      <c r="E63" s="181"/>
    </row>
    <row r="64" spans="1:6" s="30" customFormat="1" ht="84.75" customHeight="1" x14ac:dyDescent="0.25">
      <c r="A64" s="80" t="s">
        <v>63</v>
      </c>
      <c r="B64" s="79" t="s">
        <v>139</v>
      </c>
      <c r="C64" s="54"/>
      <c r="D64" s="182"/>
      <c r="E64" s="183"/>
    </row>
    <row r="65" spans="1:6" s="2" customFormat="1" ht="92.25" customHeight="1" x14ac:dyDescent="0.25">
      <c r="A65" s="53" t="s">
        <v>64</v>
      </c>
      <c r="B65" s="80" t="s">
        <v>140</v>
      </c>
      <c r="C65" s="54"/>
      <c r="D65" s="124"/>
      <c r="E65" s="125"/>
    </row>
    <row r="66" spans="1:6" s="2" customFormat="1" ht="101.25" customHeight="1" x14ac:dyDescent="0.25">
      <c r="A66" s="53" t="s">
        <v>65</v>
      </c>
      <c r="B66" s="65" t="s">
        <v>107</v>
      </c>
      <c r="C66" s="54"/>
      <c r="D66" s="124"/>
      <c r="E66" s="125"/>
    </row>
    <row r="67" spans="1:6" s="2" customFormat="1" ht="32.25" customHeight="1" x14ac:dyDescent="0.25">
      <c r="A67" s="53" t="s">
        <v>74</v>
      </c>
      <c r="B67" s="65" t="s">
        <v>108</v>
      </c>
      <c r="C67" s="54"/>
      <c r="D67" s="124"/>
      <c r="E67" s="125"/>
    </row>
    <row r="68" spans="1:6" s="3" customFormat="1" ht="51.75" customHeight="1" x14ac:dyDescent="0.25">
      <c r="A68" s="53" t="s">
        <v>75</v>
      </c>
      <c r="B68" s="65" t="s">
        <v>141</v>
      </c>
      <c r="C68" s="54"/>
      <c r="D68" s="124"/>
      <c r="E68" s="125"/>
    </row>
    <row r="69" spans="1:6" s="2" customFormat="1" ht="85.5" customHeight="1" x14ac:dyDescent="0.25">
      <c r="A69" s="53" t="s">
        <v>76</v>
      </c>
      <c r="B69" s="65" t="s">
        <v>109</v>
      </c>
      <c r="C69" s="54"/>
      <c r="D69" s="124"/>
      <c r="E69" s="125"/>
    </row>
    <row r="70" spans="1:6" s="3" customFormat="1" ht="210.75" customHeight="1" x14ac:dyDescent="0.25">
      <c r="A70" s="55" t="s">
        <v>77</v>
      </c>
      <c r="B70" s="66" t="s">
        <v>142</v>
      </c>
      <c r="C70" s="54"/>
      <c r="D70" s="124"/>
      <c r="E70" s="125"/>
    </row>
    <row r="71" spans="1:6" s="2" customFormat="1" ht="220.5" customHeight="1" x14ac:dyDescent="0.25">
      <c r="A71" s="53" t="s">
        <v>78</v>
      </c>
      <c r="B71" s="65" t="s">
        <v>143</v>
      </c>
      <c r="C71" s="54"/>
      <c r="D71" s="124"/>
      <c r="E71" s="125"/>
    </row>
    <row r="72" spans="1:6" s="2" customFormat="1" ht="89.25" customHeight="1" thickBot="1" x14ac:dyDescent="0.3">
      <c r="A72" s="64" t="s">
        <v>79</v>
      </c>
      <c r="B72" s="67" t="s">
        <v>144</v>
      </c>
      <c r="C72" s="54"/>
      <c r="D72" s="124"/>
      <c r="E72" s="125"/>
    </row>
    <row r="73" spans="1:6" s="61" customFormat="1" ht="26.25" customHeight="1" x14ac:dyDescent="0.25">
      <c r="A73" s="57"/>
      <c r="B73" s="58"/>
      <c r="C73" s="59"/>
      <c r="D73" s="59"/>
      <c r="E73" s="60"/>
    </row>
    <row r="74" spans="1:6" s="2" customFormat="1" ht="20.100000000000001" customHeight="1" x14ac:dyDescent="0.25">
      <c r="A74" s="165" t="s">
        <v>54</v>
      </c>
      <c r="B74" s="165"/>
      <c r="C74" s="165"/>
      <c r="D74" s="165"/>
      <c r="E74" s="165"/>
      <c r="F74" s="136"/>
    </row>
    <row r="75" spans="1:6" s="2" customFormat="1" ht="4.5" customHeight="1" thickBot="1" x14ac:dyDescent="0.3">
      <c r="F75" s="136"/>
    </row>
    <row r="76" spans="1:6" s="2" customFormat="1" ht="80.25" customHeight="1" x14ac:dyDescent="0.25">
      <c r="A76" s="150" t="s">
        <v>66</v>
      </c>
      <c r="B76" s="151"/>
      <c r="C76" s="154" t="s">
        <v>55</v>
      </c>
      <c r="D76" s="155"/>
      <c r="E76" s="156"/>
      <c r="F76" s="136"/>
    </row>
    <row r="77" spans="1:6" s="3" customFormat="1" ht="29.25" customHeight="1" thickBot="1" x14ac:dyDescent="0.3">
      <c r="A77" s="152"/>
      <c r="B77" s="153"/>
      <c r="C77" s="26" t="s">
        <v>6</v>
      </c>
      <c r="D77" s="157" t="s">
        <v>29</v>
      </c>
      <c r="E77" s="158"/>
      <c r="F77" s="136"/>
    </row>
    <row r="78" spans="1:6" s="3" customFormat="1" ht="39" customHeight="1" x14ac:dyDescent="0.25">
      <c r="A78" s="45" t="s">
        <v>30</v>
      </c>
      <c r="B78" s="74" t="s">
        <v>56</v>
      </c>
      <c r="C78" s="78"/>
      <c r="D78" s="170"/>
      <c r="E78" s="171"/>
      <c r="F78" s="136"/>
    </row>
    <row r="79" spans="1:6" s="3" customFormat="1" ht="54" customHeight="1" x14ac:dyDescent="0.25">
      <c r="A79" s="45" t="s">
        <v>31</v>
      </c>
      <c r="B79" s="117" t="s">
        <v>168</v>
      </c>
      <c r="C79" s="43"/>
      <c r="D79" s="128"/>
      <c r="E79" s="129"/>
      <c r="F79" s="136"/>
    </row>
    <row r="80" spans="1:6" s="2" customFormat="1" ht="76.5" customHeight="1" x14ac:dyDescent="0.25">
      <c r="A80" s="75" t="s">
        <v>32</v>
      </c>
      <c r="B80" s="118" t="s">
        <v>169</v>
      </c>
      <c r="C80" s="77"/>
      <c r="D80" s="168"/>
      <c r="E80" s="169"/>
      <c r="F80" s="136"/>
    </row>
    <row r="81" spans="1:6" s="2" customFormat="1" ht="69.95" customHeight="1" thickBot="1" x14ac:dyDescent="0.3">
      <c r="A81" s="76" t="s">
        <v>83</v>
      </c>
      <c r="B81" s="116" t="s">
        <v>167</v>
      </c>
      <c r="C81" s="42"/>
      <c r="D81" s="174"/>
      <c r="E81" s="175"/>
      <c r="F81" s="63"/>
    </row>
    <row r="82" spans="1:6" s="2" customFormat="1" ht="5.0999999999999996" customHeight="1" x14ac:dyDescent="0.25">
      <c r="A82" s="5"/>
      <c r="B82" s="5"/>
      <c r="C82" s="7"/>
      <c r="D82" s="7"/>
      <c r="E82" s="28"/>
    </row>
    <row r="83" spans="1:6" s="2" customFormat="1" ht="20.100000000000001" customHeight="1" x14ac:dyDescent="0.25">
      <c r="A83" s="138" t="s">
        <v>13</v>
      </c>
      <c r="B83" s="138"/>
      <c r="C83" s="138"/>
      <c r="D83" s="138"/>
      <c r="E83" s="138"/>
    </row>
    <row r="84" spans="1:6" s="61" customFormat="1" ht="30" customHeight="1" x14ac:dyDescent="0.25">
      <c r="A84" s="58" t="s">
        <v>15</v>
      </c>
      <c r="B84" s="162" t="s">
        <v>82</v>
      </c>
      <c r="C84" s="162"/>
      <c r="D84" s="162"/>
      <c r="E84" s="162"/>
    </row>
    <row r="85" spans="1:6" s="62" customFormat="1" ht="30" customHeight="1" x14ac:dyDescent="0.25">
      <c r="A85" s="58" t="s">
        <v>33</v>
      </c>
      <c r="B85" s="163" t="s">
        <v>34</v>
      </c>
      <c r="C85" s="163"/>
      <c r="D85" s="163"/>
      <c r="E85" s="163"/>
    </row>
    <row r="86" spans="1:6" s="30" customFormat="1" ht="30" customHeight="1" x14ac:dyDescent="0.25">
      <c r="A86" s="164" t="s">
        <v>35</v>
      </c>
      <c r="B86" s="164"/>
      <c r="C86" s="164"/>
      <c r="D86" s="164"/>
      <c r="E86" s="3"/>
    </row>
    <row r="87" spans="1:6" s="2" customFormat="1" ht="28.5" customHeight="1" x14ac:dyDescent="0.25">
      <c r="A87" s="29" t="s">
        <v>36</v>
      </c>
      <c r="B87" s="173"/>
      <c r="C87" s="173"/>
      <c r="E87" s="30"/>
    </row>
    <row r="88" spans="1:6" s="2" customFormat="1" ht="27" customHeight="1" x14ac:dyDescent="0.25">
      <c r="A88" s="29" t="s">
        <v>37</v>
      </c>
      <c r="B88" s="161"/>
      <c r="C88" s="161"/>
      <c r="E88" s="30"/>
    </row>
    <row r="89" spans="1:6" s="2" customFormat="1" ht="26.45" customHeight="1" x14ac:dyDescent="0.25">
      <c r="A89" s="29" t="s">
        <v>38</v>
      </c>
      <c r="B89" s="161"/>
      <c r="C89" s="161"/>
      <c r="E89" s="30"/>
    </row>
    <row r="90" spans="1:6" s="3" customFormat="1" ht="29.1" customHeight="1" x14ac:dyDescent="0.25">
      <c r="A90" s="29" t="s">
        <v>39</v>
      </c>
      <c r="B90" s="161"/>
      <c r="C90" s="161"/>
      <c r="D90" s="2"/>
      <c r="E90" s="31"/>
    </row>
    <row r="91" spans="1:6" s="2" customFormat="1" ht="46.5" customHeight="1" x14ac:dyDescent="0.2">
      <c r="A91" s="11"/>
      <c r="B91" s="12"/>
      <c r="C91" s="12"/>
      <c r="E91" s="32"/>
    </row>
    <row r="92" spans="1:6" s="3" customFormat="1" ht="15" customHeight="1" x14ac:dyDescent="0.25">
      <c r="A92" s="166" t="s">
        <v>40</v>
      </c>
      <c r="B92" s="166"/>
      <c r="C92" s="166"/>
      <c r="D92" s="166"/>
      <c r="E92" s="166"/>
    </row>
    <row r="93" spans="1:6" s="2" customFormat="1" ht="36.75" customHeight="1" x14ac:dyDescent="0.25">
      <c r="A93" s="167" t="s">
        <v>51</v>
      </c>
      <c r="B93" s="167"/>
      <c r="C93" s="167"/>
      <c r="D93" s="167"/>
      <c r="E93" s="167"/>
    </row>
    <row r="94" spans="1:6" s="2" customFormat="1" ht="20.100000000000001" customHeight="1" x14ac:dyDescent="0.2">
      <c r="A94" s="1"/>
      <c r="B94" s="1"/>
      <c r="C94" s="8"/>
      <c r="D94" s="8"/>
    </row>
    <row r="95" spans="1:6" s="3" customFormat="1" ht="4.5" customHeight="1" x14ac:dyDescent="0.2">
      <c r="A95" s="1"/>
      <c r="B95" s="1"/>
      <c r="C95" s="8"/>
      <c r="D95" s="8"/>
      <c r="E95" s="2"/>
    </row>
    <row r="96" spans="1:6" s="3" customFormat="1" ht="20.100000000000001" customHeight="1" x14ac:dyDescent="0.25">
      <c r="A96" s="33" t="s">
        <v>41</v>
      </c>
      <c r="B96" s="49"/>
      <c r="C96" s="34" t="s">
        <v>42</v>
      </c>
      <c r="D96" s="172"/>
      <c r="E96" s="172"/>
    </row>
    <row r="97" spans="1:5" s="3" customFormat="1" ht="20.100000000000001" customHeight="1" x14ac:dyDescent="0.25">
      <c r="A97" s="46" t="s">
        <v>43</v>
      </c>
      <c r="B97" s="50"/>
      <c r="C97" s="35"/>
      <c r="D97" s="36"/>
      <c r="E97" s="36"/>
    </row>
    <row r="98" spans="1:5" ht="20.100000000000001" customHeight="1" x14ac:dyDescent="0.2">
      <c r="C98" s="37" t="s">
        <v>133</v>
      </c>
      <c r="D98" s="173"/>
      <c r="E98" s="173"/>
    </row>
    <row r="99" spans="1:5" s="2" customFormat="1" ht="20.100000000000001" customHeight="1" x14ac:dyDescent="0.2">
      <c r="A99" s="1"/>
      <c r="B99" s="1"/>
      <c r="C99" s="37" t="s">
        <v>45</v>
      </c>
      <c r="D99" s="161"/>
      <c r="E99" s="161"/>
    </row>
    <row r="100" spans="1:5" s="2" customFormat="1" ht="20.100000000000001" customHeight="1" x14ac:dyDescent="0.2">
      <c r="A100" s="1"/>
      <c r="B100" s="1"/>
      <c r="C100" s="38" t="s">
        <v>46</v>
      </c>
      <c r="D100" s="1"/>
    </row>
    <row r="101" spans="1:5" s="2" customFormat="1" ht="37.5" customHeight="1" x14ac:dyDescent="0.25"/>
    <row r="102" spans="1:5" s="2" customFormat="1" ht="24" customHeight="1" x14ac:dyDescent="0.25"/>
    <row r="103" spans="1:5" s="2" customFormat="1" ht="24" customHeight="1" x14ac:dyDescent="0.25"/>
    <row r="104" spans="1:5" s="2" customFormat="1" ht="24" customHeight="1" x14ac:dyDescent="0.25"/>
    <row r="105" spans="1:5" s="2" customFormat="1" ht="20.100000000000001" customHeight="1" x14ac:dyDescent="0.25"/>
    <row r="106" spans="1:5" s="2" customFormat="1" ht="20.100000000000001" customHeight="1" x14ac:dyDescent="0.25"/>
    <row r="107" spans="1:5" s="2" customFormat="1" ht="50.1" customHeight="1" x14ac:dyDescent="0.25"/>
    <row r="108" spans="1:5" s="2" customFormat="1" ht="43.5" customHeight="1" x14ac:dyDescent="0.25"/>
    <row r="109" spans="1:5" ht="24.75" customHeight="1" x14ac:dyDescent="0.2">
      <c r="A109" s="2"/>
      <c r="B109" s="2"/>
      <c r="C109" s="2"/>
      <c r="D109" s="2"/>
    </row>
    <row r="110" spans="1:5" x14ac:dyDescent="0.2">
      <c r="A110" s="2"/>
      <c r="B110" s="2"/>
      <c r="C110" s="2"/>
      <c r="D110" s="2"/>
    </row>
    <row r="111" spans="1:5" ht="20.100000000000001" customHeight="1" x14ac:dyDescent="0.2"/>
    <row r="112" spans="1:5" ht="4.5" customHeight="1" x14ac:dyDescent="0.2"/>
    <row r="113" ht="20.100000000000001" customHeight="1" x14ac:dyDescent="0.2"/>
    <row r="114" ht="20.100000000000001" customHeight="1" x14ac:dyDescent="0.2"/>
    <row r="115" ht="20.100000000000001" customHeight="1" x14ac:dyDescent="0.2"/>
  </sheetData>
  <mergeCells count="81">
    <mergeCell ref="D66:E66"/>
    <mergeCell ref="A46:E46"/>
    <mergeCell ref="A28:E28"/>
    <mergeCell ref="A31:E31"/>
    <mergeCell ref="A33:E33"/>
    <mergeCell ref="B29:C29"/>
    <mergeCell ref="B30:C30"/>
    <mergeCell ref="A35:E35"/>
    <mergeCell ref="A37:E37"/>
    <mergeCell ref="D60:E60"/>
    <mergeCell ref="D61:E61"/>
    <mergeCell ref="D62:E62"/>
    <mergeCell ref="D63:E63"/>
    <mergeCell ref="D64:E64"/>
    <mergeCell ref="D99:E99"/>
    <mergeCell ref="A92:E92"/>
    <mergeCell ref="A93:E93"/>
    <mergeCell ref="A76:B77"/>
    <mergeCell ref="C76:E76"/>
    <mergeCell ref="D77:E77"/>
    <mergeCell ref="D80:E80"/>
    <mergeCell ref="D78:E78"/>
    <mergeCell ref="D96:E96"/>
    <mergeCell ref="D98:E98"/>
    <mergeCell ref="B87:C87"/>
    <mergeCell ref="B88:C88"/>
    <mergeCell ref="D81:E81"/>
    <mergeCell ref="B89:C89"/>
    <mergeCell ref="B90:C90"/>
    <mergeCell ref="A83:E83"/>
    <mergeCell ref="B84:E84"/>
    <mergeCell ref="B85:E85"/>
    <mergeCell ref="A86:D86"/>
    <mergeCell ref="A1:E1"/>
    <mergeCell ref="A12:C12"/>
    <mergeCell ref="A23:B23"/>
    <mergeCell ref="A26:B26"/>
    <mergeCell ref="A50:B51"/>
    <mergeCell ref="C50:E50"/>
    <mergeCell ref="D51:E51"/>
    <mergeCell ref="A48:E48"/>
    <mergeCell ref="A44:E44"/>
    <mergeCell ref="A17:C17"/>
    <mergeCell ref="A2:E2"/>
    <mergeCell ref="A18:E18"/>
    <mergeCell ref="A19:E19"/>
    <mergeCell ref="A20:C20"/>
    <mergeCell ref="A21:E21"/>
    <mergeCell ref="B32:C32"/>
    <mergeCell ref="F74:F80"/>
    <mergeCell ref="A3:E3"/>
    <mergeCell ref="A7:E7"/>
    <mergeCell ref="A8:E8"/>
    <mergeCell ref="A9:E9"/>
    <mergeCell ref="A11:E11"/>
    <mergeCell ref="A13:C13"/>
    <mergeCell ref="A22:E22"/>
    <mergeCell ref="B27:C27"/>
    <mergeCell ref="A40:B40"/>
    <mergeCell ref="A16:C16"/>
    <mergeCell ref="F53:F59"/>
    <mergeCell ref="B38:C38"/>
    <mergeCell ref="D67:E67"/>
    <mergeCell ref="D65:E65"/>
    <mergeCell ref="A74:E74"/>
    <mergeCell ref="D70:E70"/>
    <mergeCell ref="B34:C34"/>
    <mergeCell ref="B36:C36"/>
    <mergeCell ref="D79:E79"/>
    <mergeCell ref="D56:E56"/>
    <mergeCell ref="D57:E57"/>
    <mergeCell ref="D58:E58"/>
    <mergeCell ref="D52:E52"/>
    <mergeCell ref="D53:E53"/>
    <mergeCell ref="D59:E59"/>
    <mergeCell ref="D54:E54"/>
    <mergeCell ref="D55:E55"/>
    <mergeCell ref="D71:E71"/>
    <mergeCell ref="D72:E72"/>
    <mergeCell ref="D68:E68"/>
    <mergeCell ref="D69:E69"/>
  </mergeCells>
  <conditionalFormatting sqref="B87:C90">
    <cfRule type="containsBlanks" dxfId="45" priority="49">
      <formula>LEN(TRIM(B87))=0</formula>
    </cfRule>
  </conditionalFormatting>
  <conditionalFormatting sqref="D98:E98">
    <cfRule type="containsBlanks" dxfId="44" priority="48">
      <formula>LEN(TRIM(D98))=0</formula>
    </cfRule>
  </conditionalFormatting>
  <conditionalFormatting sqref="D99:E99">
    <cfRule type="containsBlanks" dxfId="43" priority="47">
      <formula>LEN(TRIM(D99))=0</formula>
    </cfRule>
  </conditionalFormatting>
  <conditionalFormatting sqref="C78:C79">
    <cfRule type="containsBlanks" dxfId="42" priority="38">
      <formula>LEN(TRIM(C78))=0</formula>
    </cfRule>
  </conditionalFormatting>
  <conditionalFormatting sqref="C80">
    <cfRule type="containsBlanks" dxfId="41" priority="35">
      <formula>LEN(TRIM(C80))=0</formula>
    </cfRule>
  </conditionalFormatting>
  <conditionalFormatting sqref="B96">
    <cfRule type="containsBlanks" dxfId="40" priority="28">
      <formula>LEN(TRIM(B96))=0</formula>
    </cfRule>
  </conditionalFormatting>
  <conditionalFormatting sqref="B4">
    <cfRule type="containsBlanks" dxfId="39" priority="30">
      <formula>LEN(TRIM(B4))=0</formula>
    </cfRule>
  </conditionalFormatting>
  <conditionalFormatting sqref="B5">
    <cfRule type="containsBlanks" dxfId="38" priority="29">
      <formula>LEN(TRIM(B5))=0</formula>
    </cfRule>
  </conditionalFormatting>
  <conditionalFormatting sqref="B97">
    <cfRule type="containsBlanks" dxfId="37" priority="27">
      <formula>LEN(TRIM(B97))=0</formula>
    </cfRule>
  </conditionalFormatting>
  <conditionalFormatting sqref="C52:C72">
    <cfRule type="containsBlanks" dxfId="36" priority="23">
      <formula>LEN(TRIM(C52))=0</formula>
    </cfRule>
  </conditionalFormatting>
  <conditionalFormatting sqref="C81">
    <cfRule type="containsBlanks" dxfId="35" priority="10">
      <formula>LEN(TRIM(C81))=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9" max="4" man="1"/>
    <brk id="72"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40</xdr:row>
                    <xdr:rowOff>38100</xdr:rowOff>
                  </from>
                  <to>
                    <xdr:col>0</xdr:col>
                    <xdr:colOff>533400</xdr:colOff>
                    <xdr:row>4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41</xdr:row>
                    <xdr:rowOff>0</xdr:rowOff>
                  </from>
                  <to>
                    <xdr:col>0</xdr:col>
                    <xdr:colOff>523875</xdr:colOff>
                    <xdr:row>41</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pageSetUpPr fitToPage="1"/>
  </sheetPr>
  <dimension ref="A1:H75"/>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70"/>
      <c r="C4" s="39"/>
      <c r="D4" s="39"/>
      <c r="E4" s="39"/>
    </row>
    <row r="5" spans="1:5" ht="24.95" customHeight="1" x14ac:dyDescent="0.2">
      <c r="A5" s="44" t="s">
        <v>50</v>
      </c>
      <c r="B5" s="69"/>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73"/>
      <c r="B10" s="73"/>
      <c r="C10" s="73"/>
      <c r="D10" s="73"/>
      <c r="E10" s="73"/>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73"/>
      <c r="B14" s="73"/>
      <c r="C14" s="73"/>
      <c r="D14" s="73"/>
      <c r="E14" s="73"/>
    </row>
    <row r="15" spans="1:5" x14ac:dyDescent="0.2">
      <c r="A15" s="40" t="s">
        <v>10</v>
      </c>
      <c r="B15" s="23"/>
      <c r="C15" s="23"/>
      <c r="D15" s="24"/>
      <c r="E15" s="24"/>
    </row>
    <row r="16" spans="1:5" s="3" customFormat="1" ht="24.95" customHeight="1" x14ac:dyDescent="0.25">
      <c r="A16" s="148" t="s">
        <v>57</v>
      </c>
      <c r="B16" s="148"/>
      <c r="C16" s="148"/>
      <c r="D16" s="21"/>
      <c r="E16" s="22"/>
    </row>
    <row r="17" spans="1:6" ht="5.0999999999999996" customHeight="1" x14ac:dyDescent="0.2">
      <c r="A17" s="159"/>
      <c r="B17" s="159"/>
      <c r="C17" s="159"/>
      <c r="E17" s="16"/>
    </row>
    <row r="18" spans="1:6" s="2" customFormat="1" ht="20.100000000000001" customHeight="1" x14ac:dyDescent="0.25">
      <c r="A18" s="138" t="s">
        <v>21</v>
      </c>
      <c r="B18" s="138"/>
      <c r="C18" s="138"/>
      <c r="D18" s="138"/>
      <c r="E18" s="138"/>
    </row>
    <row r="19" spans="1:6" ht="24.95" customHeight="1" x14ac:dyDescent="0.2">
      <c r="A19" s="142" t="s">
        <v>84</v>
      </c>
      <c r="B19" s="142"/>
      <c r="C19" s="142"/>
      <c r="D19" s="142"/>
      <c r="E19" s="142"/>
    </row>
    <row r="20" spans="1:6" ht="5.0999999999999996" customHeight="1" thickBot="1" x14ac:dyDescent="0.25">
      <c r="A20" s="201"/>
      <c r="B20" s="201"/>
      <c r="C20" s="201"/>
      <c r="E20" s="16"/>
    </row>
    <row r="21" spans="1:6" s="9" customFormat="1" ht="31.5" customHeight="1" thickBot="1" x14ac:dyDescent="0.3">
      <c r="A21" s="95" t="s">
        <v>67</v>
      </c>
      <c r="B21" s="199" t="s">
        <v>12</v>
      </c>
      <c r="C21" s="200"/>
      <c r="D21" s="96" t="s">
        <v>11</v>
      </c>
      <c r="E21" s="97" t="s">
        <v>145</v>
      </c>
    </row>
    <row r="22" spans="1:6" s="9" customFormat="1" ht="31.5" customHeight="1" thickBot="1" x14ac:dyDescent="0.3">
      <c r="A22" s="202" t="s">
        <v>125</v>
      </c>
      <c r="B22" s="203"/>
      <c r="C22" s="203"/>
      <c r="D22" s="203"/>
      <c r="E22" s="204"/>
    </row>
    <row r="23" spans="1:6" s="9" customFormat="1" ht="31.5" customHeight="1" x14ac:dyDescent="0.25">
      <c r="A23" s="98" t="s">
        <v>146</v>
      </c>
      <c r="B23" s="205" t="s">
        <v>85</v>
      </c>
      <c r="C23" s="206"/>
      <c r="D23" s="99" t="s">
        <v>1</v>
      </c>
      <c r="E23" s="113">
        <v>49500</v>
      </c>
    </row>
    <row r="24" spans="1:6" s="9" customFormat="1" ht="31.5" customHeight="1" x14ac:dyDescent="0.25">
      <c r="A24" s="100" t="s">
        <v>124</v>
      </c>
      <c r="B24" s="126" t="s">
        <v>147</v>
      </c>
      <c r="C24" s="127"/>
      <c r="D24" s="18" t="s">
        <v>1</v>
      </c>
      <c r="E24" s="114">
        <v>79200</v>
      </c>
    </row>
    <row r="25" spans="1:6" ht="5.0999999999999996" customHeight="1" x14ac:dyDescent="0.2"/>
    <row r="26" spans="1:6" s="2" customFormat="1" ht="20.100000000000001" customHeight="1" x14ac:dyDescent="0.25">
      <c r="A26" s="138" t="s">
        <v>23</v>
      </c>
      <c r="B26" s="138"/>
      <c r="C26" s="138"/>
      <c r="D26" s="138"/>
      <c r="E26" s="138"/>
    </row>
    <row r="27" spans="1:6" s="2" customFormat="1" ht="5.0999999999999996" customHeight="1" thickBot="1" x14ac:dyDescent="0.3">
      <c r="A27" s="16"/>
      <c r="C27" s="72"/>
      <c r="D27" s="72"/>
      <c r="E27" s="72"/>
    </row>
    <row r="28" spans="1:6" s="3" customFormat="1" ht="93" customHeight="1" x14ac:dyDescent="0.25">
      <c r="A28" s="150" t="s">
        <v>0</v>
      </c>
      <c r="B28" s="151"/>
      <c r="C28" s="154" t="s">
        <v>25</v>
      </c>
      <c r="D28" s="155"/>
      <c r="E28" s="156"/>
      <c r="F28" s="25"/>
    </row>
    <row r="29" spans="1:6" s="3" customFormat="1" ht="30" customHeight="1" thickBot="1" x14ac:dyDescent="0.3">
      <c r="A29" s="207"/>
      <c r="B29" s="208"/>
      <c r="C29" s="101" t="s">
        <v>26</v>
      </c>
      <c r="D29" s="209" t="s">
        <v>27</v>
      </c>
      <c r="E29" s="210"/>
    </row>
    <row r="30" spans="1:6" s="3" customFormat="1" ht="31.5" customHeight="1" thickBot="1" x14ac:dyDescent="0.3">
      <c r="A30" s="213" t="s">
        <v>125</v>
      </c>
      <c r="B30" s="214"/>
      <c r="C30" s="214"/>
      <c r="D30" s="214"/>
      <c r="E30" s="215"/>
    </row>
    <row r="31" spans="1:6" s="27" customFormat="1" ht="31.5" customHeight="1" thickBot="1" x14ac:dyDescent="0.3">
      <c r="A31" s="216" t="s">
        <v>87</v>
      </c>
      <c r="B31" s="217"/>
      <c r="C31" s="217"/>
      <c r="D31" s="217"/>
      <c r="E31" s="218"/>
    </row>
    <row r="32" spans="1:6" s="4" customFormat="1" ht="32.1" customHeight="1" x14ac:dyDescent="0.25">
      <c r="A32" s="104">
        <v>45658</v>
      </c>
      <c r="B32" s="102" t="s">
        <v>151</v>
      </c>
      <c r="C32" s="54"/>
      <c r="D32" s="211"/>
      <c r="E32" s="212"/>
    </row>
    <row r="33" spans="1:5" s="4" customFormat="1" ht="32.1" customHeight="1" x14ac:dyDescent="0.25">
      <c r="A33" s="105">
        <v>45689</v>
      </c>
      <c r="B33" s="102" t="s">
        <v>149</v>
      </c>
      <c r="C33" s="54"/>
      <c r="D33" s="211"/>
      <c r="E33" s="212"/>
    </row>
    <row r="34" spans="1:5" s="4" customFormat="1" ht="32.1" customHeight="1" x14ac:dyDescent="0.25">
      <c r="A34" s="105">
        <v>45689</v>
      </c>
      <c r="B34" s="102" t="s">
        <v>89</v>
      </c>
      <c r="C34" s="54"/>
      <c r="D34" s="211"/>
      <c r="E34" s="212"/>
    </row>
    <row r="35" spans="1:5" s="4" customFormat="1" ht="32.1" customHeight="1" x14ac:dyDescent="0.25">
      <c r="A35" s="105">
        <v>44621</v>
      </c>
      <c r="B35" s="102" t="s">
        <v>90</v>
      </c>
      <c r="C35" s="54"/>
      <c r="D35" s="211"/>
      <c r="E35" s="212"/>
    </row>
    <row r="36" spans="1:5" s="4" customFormat="1" ht="32.1" customHeight="1" x14ac:dyDescent="0.25">
      <c r="A36" s="105">
        <v>44652</v>
      </c>
      <c r="B36" s="102" t="s">
        <v>91</v>
      </c>
      <c r="C36" s="54"/>
      <c r="D36" s="211"/>
      <c r="E36" s="212"/>
    </row>
    <row r="37" spans="1:5" s="4" customFormat="1" ht="32.1" customHeight="1" x14ac:dyDescent="0.25">
      <c r="A37" s="105">
        <v>44682</v>
      </c>
      <c r="B37" s="102" t="s">
        <v>150</v>
      </c>
      <c r="C37" s="54"/>
      <c r="D37" s="211"/>
      <c r="E37" s="212"/>
    </row>
    <row r="38" spans="1:5" s="4" customFormat="1" ht="32.1" customHeight="1" thickBot="1" x14ac:dyDescent="0.3">
      <c r="A38" s="106">
        <v>44713</v>
      </c>
      <c r="B38" s="102" t="s">
        <v>92</v>
      </c>
      <c r="C38" s="54"/>
      <c r="D38" s="211"/>
      <c r="E38" s="212"/>
    </row>
    <row r="39" spans="1:5" s="4" customFormat="1" ht="31.5" customHeight="1" thickBot="1" x14ac:dyDescent="0.3">
      <c r="A39" s="216" t="s">
        <v>148</v>
      </c>
      <c r="B39" s="217"/>
      <c r="C39" s="217"/>
      <c r="D39" s="217"/>
      <c r="E39" s="218"/>
    </row>
    <row r="40" spans="1:5" s="4" customFormat="1" ht="32.1" customHeight="1" x14ac:dyDescent="0.25">
      <c r="A40" s="104">
        <v>44563</v>
      </c>
      <c r="B40" s="107" t="s">
        <v>88</v>
      </c>
      <c r="C40" s="54"/>
      <c r="D40" s="211"/>
      <c r="E40" s="212"/>
    </row>
    <row r="41" spans="1:5" s="4" customFormat="1" ht="32.1" customHeight="1" x14ac:dyDescent="0.25">
      <c r="A41" s="105">
        <v>44594</v>
      </c>
      <c r="B41" s="103" t="s">
        <v>89</v>
      </c>
      <c r="C41" s="54"/>
      <c r="D41" s="211"/>
      <c r="E41" s="212"/>
    </row>
    <row r="42" spans="1:5" s="4" customFormat="1" ht="32.1" customHeight="1" x14ac:dyDescent="0.25">
      <c r="A42" s="105">
        <v>44622</v>
      </c>
      <c r="B42" s="103" t="s">
        <v>90</v>
      </c>
      <c r="C42" s="54"/>
      <c r="D42" s="211"/>
      <c r="E42" s="212"/>
    </row>
    <row r="43" spans="1:5" s="4" customFormat="1" ht="32.1" customHeight="1" x14ac:dyDescent="0.25">
      <c r="A43" s="105">
        <v>44653</v>
      </c>
      <c r="B43" s="103" t="s">
        <v>91</v>
      </c>
      <c r="C43" s="54"/>
      <c r="D43" s="211"/>
      <c r="E43" s="212"/>
    </row>
    <row r="44" spans="1:5" s="4" customFormat="1" ht="32.1" customHeight="1" x14ac:dyDescent="0.25">
      <c r="A44" s="105">
        <v>44683</v>
      </c>
      <c r="B44" s="103" t="s">
        <v>152</v>
      </c>
      <c r="C44" s="54"/>
      <c r="D44" s="211"/>
      <c r="E44" s="212"/>
    </row>
    <row r="45" spans="1:5" s="4" customFormat="1" ht="32.1" customHeight="1" thickBot="1" x14ac:dyDescent="0.3">
      <c r="A45" s="106">
        <v>44714</v>
      </c>
      <c r="B45" s="108" t="s">
        <v>92</v>
      </c>
      <c r="C45" s="56"/>
      <c r="D45" s="219"/>
      <c r="E45" s="220"/>
    </row>
    <row r="46" spans="1:5" s="30" customFormat="1" ht="30" customHeight="1" x14ac:dyDescent="0.25">
      <c r="A46" s="164" t="s">
        <v>35</v>
      </c>
      <c r="B46" s="164"/>
      <c r="C46" s="164"/>
      <c r="D46" s="164"/>
      <c r="E46" s="3"/>
    </row>
    <row r="47" spans="1:5" s="2" customFormat="1" ht="24" x14ac:dyDescent="0.25">
      <c r="A47" s="29" t="s">
        <v>36</v>
      </c>
      <c r="B47" s="173"/>
      <c r="C47" s="173"/>
      <c r="E47" s="30"/>
    </row>
    <row r="48" spans="1:5" s="2" customFormat="1" ht="24" x14ac:dyDescent="0.25">
      <c r="A48" s="29" t="s">
        <v>37</v>
      </c>
      <c r="B48" s="161"/>
      <c r="C48" s="161"/>
      <c r="E48" s="30"/>
    </row>
    <row r="49" spans="1:5" s="2" customFormat="1" ht="24.95" customHeight="1" x14ac:dyDescent="0.25">
      <c r="A49" s="29" t="s">
        <v>38</v>
      </c>
      <c r="B49" s="161"/>
      <c r="C49" s="161"/>
      <c r="E49" s="30"/>
    </row>
    <row r="50" spans="1:5" s="3" customFormat="1" ht="34.5" customHeight="1" x14ac:dyDescent="0.25">
      <c r="A50" s="29" t="s">
        <v>39</v>
      </c>
      <c r="B50" s="161"/>
      <c r="C50" s="161"/>
      <c r="D50" s="2"/>
      <c r="E50" s="31"/>
    </row>
    <row r="51" spans="1:5" s="2" customFormat="1" ht="24.75" customHeight="1" x14ac:dyDescent="0.2">
      <c r="A51" s="11"/>
      <c r="B51" s="12"/>
      <c r="C51" s="12"/>
      <c r="E51" s="32"/>
    </row>
    <row r="52" spans="1:5" s="3" customFormat="1" ht="15" customHeight="1" x14ac:dyDescent="0.25">
      <c r="A52" s="166" t="s">
        <v>40</v>
      </c>
      <c r="B52" s="166"/>
      <c r="C52" s="166"/>
      <c r="D52" s="166"/>
      <c r="E52" s="166"/>
    </row>
    <row r="53" spans="1:5" s="2" customFormat="1" ht="36.75" customHeight="1" x14ac:dyDescent="0.25">
      <c r="A53" s="167" t="s">
        <v>51</v>
      </c>
      <c r="B53" s="167"/>
      <c r="C53" s="167"/>
      <c r="D53" s="167"/>
      <c r="E53" s="167"/>
    </row>
    <row r="54" spans="1:5" s="2" customFormat="1" ht="20.100000000000001" customHeight="1" x14ac:dyDescent="0.2">
      <c r="A54" s="1"/>
      <c r="B54" s="1"/>
      <c r="C54" s="8"/>
      <c r="D54" s="8"/>
    </row>
    <row r="55" spans="1:5" s="3" customFormat="1" ht="4.5" customHeight="1" x14ac:dyDescent="0.2">
      <c r="A55" s="1"/>
      <c r="B55" s="1"/>
      <c r="C55" s="8"/>
      <c r="D55" s="8"/>
      <c r="E55" s="2"/>
    </row>
    <row r="56" spans="1:5" s="3" customFormat="1" ht="20.100000000000001" customHeight="1" x14ac:dyDescent="0.25">
      <c r="A56" s="33" t="s">
        <v>41</v>
      </c>
      <c r="B56" s="49"/>
      <c r="C56" s="34" t="s">
        <v>42</v>
      </c>
      <c r="D56" s="172"/>
      <c r="E56" s="172"/>
    </row>
    <row r="57" spans="1:5" s="3" customFormat="1" ht="20.100000000000001" customHeight="1" x14ac:dyDescent="0.25">
      <c r="A57" s="46" t="s">
        <v>43</v>
      </c>
      <c r="B57" s="50"/>
      <c r="C57" s="35"/>
      <c r="D57" s="36"/>
      <c r="E57" s="36"/>
    </row>
    <row r="58" spans="1:5" ht="20.100000000000001" customHeight="1" x14ac:dyDescent="0.2">
      <c r="C58" s="37" t="s">
        <v>44</v>
      </c>
      <c r="D58" s="173"/>
      <c r="E58" s="173"/>
    </row>
    <row r="59" spans="1:5" s="2" customFormat="1" ht="20.100000000000001" customHeight="1" x14ac:dyDescent="0.2">
      <c r="A59" s="1"/>
      <c r="B59" s="1"/>
      <c r="C59" s="37" t="s">
        <v>45</v>
      </c>
      <c r="D59" s="161"/>
      <c r="E59" s="161"/>
    </row>
    <row r="60" spans="1:5" s="2" customFormat="1" ht="20.100000000000001" customHeight="1" x14ac:dyDescent="0.2">
      <c r="A60" s="1"/>
      <c r="B60" s="1"/>
      <c r="C60" s="38" t="s">
        <v>46</v>
      </c>
      <c r="D60" s="1"/>
    </row>
    <row r="61" spans="1:5" s="2" customFormat="1" ht="37.5" customHeight="1" x14ac:dyDescent="0.25"/>
    <row r="62" spans="1:5" s="2" customFormat="1" ht="24" customHeight="1" x14ac:dyDescent="0.25"/>
    <row r="63" spans="1:5" s="2" customFormat="1" ht="24" customHeight="1" x14ac:dyDescent="0.25"/>
    <row r="64" spans="1:5" s="2" customFormat="1" ht="24" customHeight="1" x14ac:dyDescent="0.25"/>
    <row r="65" spans="1:8" s="2" customFormat="1" ht="20.100000000000001" customHeight="1" x14ac:dyDescent="0.25"/>
    <row r="66" spans="1:8" s="2" customFormat="1" ht="20.100000000000001" customHeight="1" x14ac:dyDescent="0.25"/>
    <row r="67" spans="1:8" s="2" customFormat="1" ht="50.1" customHeight="1" x14ac:dyDescent="0.25"/>
    <row r="68" spans="1:8" s="2" customFormat="1" ht="43.5" customHeight="1" x14ac:dyDescent="0.25"/>
    <row r="69" spans="1:8" s="2" customFormat="1" ht="24.75" customHeight="1" x14ac:dyDescent="0.2">
      <c r="F69" s="1"/>
      <c r="G69" s="1"/>
      <c r="H69" s="1"/>
    </row>
    <row r="70" spans="1:8" s="2" customFormat="1" x14ac:dyDescent="0.2">
      <c r="F70" s="1"/>
      <c r="G70" s="1"/>
      <c r="H70" s="1"/>
    </row>
    <row r="71" spans="1:8" s="2" customFormat="1" ht="20.100000000000001" customHeight="1" x14ac:dyDescent="0.2">
      <c r="A71" s="1"/>
      <c r="B71" s="1"/>
      <c r="C71" s="8"/>
      <c r="D71" s="8"/>
      <c r="F71" s="1"/>
      <c r="G71" s="1"/>
      <c r="H71" s="1"/>
    </row>
    <row r="72" spans="1:8" s="2" customFormat="1" ht="4.5" customHeight="1" x14ac:dyDescent="0.2">
      <c r="A72" s="1"/>
      <c r="B72" s="1"/>
      <c r="C72" s="8"/>
      <c r="D72" s="8"/>
      <c r="F72" s="1"/>
      <c r="G72" s="1"/>
      <c r="H72" s="1"/>
    </row>
    <row r="73" spans="1:8" s="2" customFormat="1" ht="20.100000000000001" customHeight="1" x14ac:dyDescent="0.2">
      <c r="A73" s="1"/>
      <c r="B73" s="1"/>
      <c r="C73" s="8"/>
      <c r="D73" s="8"/>
      <c r="F73" s="1"/>
      <c r="G73" s="1"/>
      <c r="H73" s="1"/>
    </row>
    <row r="74" spans="1:8" s="2" customFormat="1" ht="20.100000000000001" customHeight="1" x14ac:dyDescent="0.2">
      <c r="A74" s="1"/>
      <c r="B74" s="1"/>
      <c r="C74" s="8"/>
      <c r="D74" s="8"/>
      <c r="F74" s="1"/>
      <c r="G74" s="1"/>
      <c r="H74" s="1"/>
    </row>
    <row r="75" spans="1:8" s="2" customFormat="1" ht="20.100000000000001" customHeight="1" x14ac:dyDescent="0.2">
      <c r="A75" s="1"/>
      <c r="B75" s="1"/>
      <c r="C75" s="8"/>
      <c r="D75" s="8"/>
      <c r="F75" s="1"/>
      <c r="G75" s="1"/>
      <c r="H75" s="1"/>
    </row>
  </sheetData>
  <mergeCells count="48">
    <mergeCell ref="D56:E56"/>
    <mergeCell ref="D58:E58"/>
    <mergeCell ref="D59:E59"/>
    <mergeCell ref="B47:C47"/>
    <mergeCell ref="B48:C48"/>
    <mergeCell ref="B49:C49"/>
    <mergeCell ref="B50:C50"/>
    <mergeCell ref="A52:E52"/>
    <mergeCell ref="A53:E53"/>
    <mergeCell ref="A46:D46"/>
    <mergeCell ref="D44:E44"/>
    <mergeCell ref="D45:E45"/>
    <mergeCell ref="A39:E39"/>
    <mergeCell ref="D40:E40"/>
    <mergeCell ref="D41:E41"/>
    <mergeCell ref="D42:E42"/>
    <mergeCell ref="D43:E43"/>
    <mergeCell ref="D35:E35"/>
    <mergeCell ref="D36:E36"/>
    <mergeCell ref="D37:E37"/>
    <mergeCell ref="D38:E38"/>
    <mergeCell ref="A30:E30"/>
    <mergeCell ref="A31:E31"/>
    <mergeCell ref="D32:E32"/>
    <mergeCell ref="D33:E33"/>
    <mergeCell ref="D34:E34"/>
    <mergeCell ref="A22:E22"/>
    <mergeCell ref="B23:C23"/>
    <mergeCell ref="B24:C24"/>
    <mergeCell ref="A26:E26"/>
    <mergeCell ref="A28:B29"/>
    <mergeCell ref="C28:E28"/>
    <mergeCell ref="D29:E29"/>
    <mergeCell ref="B21:C21"/>
    <mergeCell ref="A11:E11"/>
    <mergeCell ref="A12:C12"/>
    <mergeCell ref="A13:C13"/>
    <mergeCell ref="A1:E1"/>
    <mergeCell ref="A2:E2"/>
    <mergeCell ref="A3:E3"/>
    <mergeCell ref="A7:E7"/>
    <mergeCell ref="A8:E8"/>
    <mergeCell ref="A9:E9"/>
    <mergeCell ref="A16:C16"/>
    <mergeCell ref="A17:C17"/>
    <mergeCell ref="A18:E18"/>
    <mergeCell ref="A19:E19"/>
    <mergeCell ref="A20:C20"/>
  </mergeCells>
  <conditionalFormatting sqref="B47:C50 C32:C38 C40:C45">
    <cfRule type="containsBlanks" dxfId="34" priority="7">
      <formula>LEN(TRIM(B32))=0</formula>
    </cfRule>
  </conditionalFormatting>
  <conditionalFormatting sqref="D58:E58">
    <cfRule type="containsBlanks" dxfId="33" priority="6">
      <formula>LEN(TRIM(D58))=0</formula>
    </cfRule>
  </conditionalFormatting>
  <conditionalFormatting sqref="D59:E59">
    <cfRule type="containsBlanks" dxfId="32" priority="5">
      <formula>LEN(TRIM(D59))=0</formula>
    </cfRule>
  </conditionalFormatting>
  <conditionalFormatting sqref="B56">
    <cfRule type="containsBlanks" dxfId="31" priority="2">
      <formula>LEN(TRIM(B56))=0</formula>
    </cfRule>
  </conditionalFormatting>
  <conditionalFormatting sqref="B4">
    <cfRule type="containsBlanks" dxfId="30" priority="4">
      <formula>LEN(TRIM(B4))=0</formula>
    </cfRule>
  </conditionalFormatting>
  <conditionalFormatting sqref="B5">
    <cfRule type="containsBlanks" dxfId="29" priority="3">
      <formula>LEN(TRIM(B5))=0</formula>
    </cfRule>
  </conditionalFormatting>
  <conditionalFormatting sqref="B57">
    <cfRule type="containsBlanks" dxfId="28" priority="1">
      <formula>LEN(TRIM(B57))=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249977111117893"/>
    <pageSetUpPr fitToPage="1"/>
  </sheetPr>
  <dimension ref="A1:H69"/>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70"/>
      <c r="C4" s="39"/>
      <c r="D4" s="39"/>
      <c r="E4" s="39"/>
    </row>
    <row r="5" spans="1:5" ht="24.95" customHeight="1" x14ac:dyDescent="0.2">
      <c r="A5" s="44" t="s">
        <v>50</v>
      </c>
      <c r="B5" s="69"/>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73"/>
      <c r="B10" s="73"/>
      <c r="C10" s="73"/>
      <c r="D10" s="73"/>
      <c r="E10" s="73"/>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73"/>
      <c r="B14" s="73"/>
      <c r="C14" s="73"/>
      <c r="D14" s="73"/>
      <c r="E14" s="73"/>
    </row>
    <row r="15" spans="1:5" x14ac:dyDescent="0.2">
      <c r="A15" s="40" t="s">
        <v>10</v>
      </c>
      <c r="B15" s="23"/>
      <c r="C15" s="23"/>
      <c r="D15" s="24"/>
      <c r="E15" s="24"/>
    </row>
    <row r="16" spans="1:5" s="3" customFormat="1" ht="24.95" customHeight="1" x14ac:dyDescent="0.25">
      <c r="A16" s="148" t="s">
        <v>57</v>
      </c>
      <c r="B16" s="148"/>
      <c r="C16" s="148"/>
      <c r="D16" s="21"/>
      <c r="E16" s="22"/>
    </row>
    <row r="17" spans="1:6" ht="5.0999999999999996" customHeight="1" x14ac:dyDescent="0.2">
      <c r="A17" s="159"/>
      <c r="B17" s="159"/>
      <c r="C17" s="159"/>
      <c r="E17" s="16"/>
    </row>
    <row r="18" spans="1:6" s="2" customFormat="1" ht="20.100000000000001" customHeight="1" x14ac:dyDescent="0.25">
      <c r="A18" s="138" t="s">
        <v>21</v>
      </c>
      <c r="B18" s="138"/>
      <c r="C18" s="138"/>
      <c r="D18" s="138"/>
      <c r="E18" s="138"/>
    </row>
    <row r="19" spans="1:6" ht="24.95" customHeight="1" x14ac:dyDescent="0.2">
      <c r="A19" s="142" t="s">
        <v>84</v>
      </c>
      <c r="B19" s="142"/>
      <c r="C19" s="142"/>
      <c r="D19" s="142"/>
      <c r="E19" s="142"/>
    </row>
    <row r="20" spans="1:6" ht="5.0999999999999996" customHeight="1" thickBot="1" x14ac:dyDescent="0.25">
      <c r="A20" s="201"/>
      <c r="B20" s="201"/>
      <c r="C20" s="201"/>
      <c r="E20" s="16"/>
    </row>
    <row r="21" spans="1:6" s="9" customFormat="1" ht="31.5" customHeight="1" thickBot="1" x14ac:dyDescent="0.3">
      <c r="A21" s="95" t="s">
        <v>67</v>
      </c>
      <c r="B21" s="199" t="s">
        <v>12</v>
      </c>
      <c r="C21" s="200"/>
      <c r="D21" s="96" t="s">
        <v>11</v>
      </c>
      <c r="E21" s="97" t="s">
        <v>145</v>
      </c>
    </row>
    <row r="22" spans="1:6" s="9" customFormat="1" ht="31.5" customHeight="1" thickBot="1" x14ac:dyDescent="0.3">
      <c r="A22" s="221" t="s">
        <v>126</v>
      </c>
      <c r="B22" s="222"/>
      <c r="C22" s="222"/>
      <c r="D22" s="222"/>
      <c r="E22" s="223"/>
    </row>
    <row r="23" spans="1:6" s="9" customFormat="1" ht="31.5" customHeight="1" x14ac:dyDescent="0.25">
      <c r="A23" s="100" t="s">
        <v>146</v>
      </c>
      <c r="B23" s="126" t="s">
        <v>154</v>
      </c>
      <c r="C23" s="127"/>
      <c r="D23" s="18" t="s">
        <v>1</v>
      </c>
      <c r="E23" s="115">
        <v>115390</v>
      </c>
    </row>
    <row r="24" spans="1:6" ht="5.0999999999999996" customHeight="1" x14ac:dyDescent="0.2"/>
    <row r="25" spans="1:6" s="2" customFormat="1" ht="20.100000000000001" customHeight="1" x14ac:dyDescent="0.25">
      <c r="A25" s="138" t="s">
        <v>23</v>
      </c>
      <c r="B25" s="138"/>
      <c r="C25" s="138"/>
      <c r="D25" s="138"/>
      <c r="E25" s="138"/>
    </row>
    <row r="26" spans="1:6" s="2" customFormat="1" ht="5.0999999999999996" customHeight="1" thickBot="1" x14ac:dyDescent="0.3">
      <c r="A26" s="16"/>
      <c r="C26" s="72"/>
      <c r="D26" s="72"/>
      <c r="E26" s="72"/>
    </row>
    <row r="27" spans="1:6" s="3" customFormat="1" ht="93" customHeight="1" x14ac:dyDescent="0.25">
      <c r="A27" s="150" t="s">
        <v>0</v>
      </c>
      <c r="B27" s="151"/>
      <c r="C27" s="154" t="s">
        <v>25</v>
      </c>
      <c r="D27" s="155"/>
      <c r="E27" s="156"/>
      <c r="F27" s="25"/>
    </row>
    <row r="28" spans="1:6" s="3" customFormat="1" ht="30" customHeight="1" thickBot="1" x14ac:dyDescent="0.3">
      <c r="A28" s="207"/>
      <c r="B28" s="208"/>
      <c r="C28" s="101" t="s">
        <v>26</v>
      </c>
      <c r="D28" s="209" t="s">
        <v>27</v>
      </c>
      <c r="E28" s="210"/>
    </row>
    <row r="29" spans="1:6" s="3" customFormat="1" ht="31.5" customHeight="1" thickBot="1" x14ac:dyDescent="0.3">
      <c r="A29" s="224" t="s">
        <v>126</v>
      </c>
      <c r="B29" s="225"/>
      <c r="C29" s="225"/>
      <c r="D29" s="225"/>
      <c r="E29" s="226"/>
    </row>
    <row r="30" spans="1:6" s="27" customFormat="1" ht="31.5" customHeight="1" thickBot="1" x14ac:dyDescent="0.3">
      <c r="A30" s="216" t="s">
        <v>153</v>
      </c>
      <c r="B30" s="217"/>
      <c r="C30" s="217"/>
      <c r="D30" s="217"/>
      <c r="E30" s="218"/>
    </row>
    <row r="31" spans="1:6" s="4" customFormat="1" ht="32.1" customHeight="1" x14ac:dyDescent="0.25">
      <c r="A31" s="104">
        <v>45658</v>
      </c>
      <c r="B31" s="107" t="s">
        <v>93</v>
      </c>
      <c r="C31" s="54"/>
      <c r="D31" s="211"/>
      <c r="E31" s="212"/>
    </row>
    <row r="32" spans="1:6" s="4" customFormat="1" ht="32.1" customHeight="1" x14ac:dyDescent="0.25">
      <c r="A32" s="105">
        <v>45689</v>
      </c>
      <c r="B32" s="103" t="s">
        <v>89</v>
      </c>
      <c r="C32" s="54"/>
      <c r="D32" s="211"/>
      <c r="E32" s="212"/>
    </row>
    <row r="33" spans="1:5" s="4" customFormat="1" ht="32.1" customHeight="1" x14ac:dyDescent="0.25">
      <c r="A33" s="105">
        <v>45717</v>
      </c>
      <c r="B33" s="103" t="s">
        <v>90</v>
      </c>
      <c r="C33" s="54"/>
      <c r="D33" s="211"/>
      <c r="E33" s="212"/>
    </row>
    <row r="34" spans="1:5" s="4" customFormat="1" ht="32.1" customHeight="1" x14ac:dyDescent="0.25">
      <c r="A34" s="105">
        <v>45748</v>
      </c>
      <c r="B34" s="103" t="s">
        <v>94</v>
      </c>
      <c r="C34" s="54"/>
      <c r="D34" s="211"/>
      <c r="E34" s="212"/>
    </row>
    <row r="35" spans="1:5" s="4" customFormat="1" ht="32.1" customHeight="1" x14ac:dyDescent="0.25">
      <c r="A35" s="105">
        <v>45778</v>
      </c>
      <c r="B35" s="103" t="s">
        <v>95</v>
      </c>
      <c r="C35" s="54"/>
      <c r="D35" s="211"/>
      <c r="E35" s="212"/>
    </row>
    <row r="36" spans="1:5" s="4" customFormat="1" ht="32.1" customHeight="1" x14ac:dyDescent="0.25">
      <c r="A36" s="105">
        <v>45809</v>
      </c>
      <c r="B36" s="103" t="s">
        <v>96</v>
      </c>
      <c r="C36" s="54"/>
      <c r="D36" s="211"/>
      <c r="E36" s="212"/>
    </row>
    <row r="37" spans="1:5" s="4" customFormat="1" ht="32.1" customHeight="1" x14ac:dyDescent="0.25">
      <c r="A37" s="105">
        <v>45839</v>
      </c>
      <c r="B37" s="103" t="s">
        <v>97</v>
      </c>
      <c r="C37" s="54"/>
      <c r="D37" s="211"/>
      <c r="E37" s="212"/>
    </row>
    <row r="38" spans="1:5" s="4" customFormat="1" ht="32.1" customHeight="1" x14ac:dyDescent="0.25">
      <c r="A38" s="105">
        <v>45870</v>
      </c>
      <c r="B38" s="103" t="s">
        <v>155</v>
      </c>
      <c r="C38" s="54"/>
      <c r="D38" s="211"/>
      <c r="E38" s="212"/>
    </row>
    <row r="39" spans="1:5" s="4" customFormat="1" ht="32.1" customHeight="1" thickBot="1" x14ac:dyDescent="0.3">
      <c r="A39" s="106">
        <v>45901</v>
      </c>
      <c r="B39" s="108" t="s">
        <v>92</v>
      </c>
      <c r="C39" s="56"/>
      <c r="D39" s="227"/>
      <c r="E39" s="228"/>
    </row>
    <row r="40" spans="1:5" s="30" customFormat="1" ht="30" customHeight="1" x14ac:dyDescent="0.25">
      <c r="A40" s="164" t="s">
        <v>35</v>
      </c>
      <c r="B40" s="164"/>
      <c r="C40" s="164"/>
      <c r="D40" s="164"/>
      <c r="E40" s="3"/>
    </row>
    <row r="41" spans="1:5" s="2" customFormat="1" ht="24" x14ac:dyDescent="0.25">
      <c r="A41" s="29" t="s">
        <v>36</v>
      </c>
      <c r="B41" s="173"/>
      <c r="C41" s="173"/>
      <c r="E41" s="30"/>
    </row>
    <row r="42" spans="1:5" s="2" customFormat="1" ht="24" x14ac:dyDescent="0.25">
      <c r="A42" s="29" t="s">
        <v>37</v>
      </c>
      <c r="B42" s="161"/>
      <c r="C42" s="161"/>
      <c r="E42" s="30"/>
    </row>
    <row r="43" spans="1:5" s="2" customFormat="1" ht="24.95" customHeight="1" x14ac:dyDescent="0.25">
      <c r="A43" s="29" t="s">
        <v>38</v>
      </c>
      <c r="B43" s="161"/>
      <c r="C43" s="161"/>
      <c r="E43" s="30"/>
    </row>
    <row r="44" spans="1:5" s="3" customFormat="1" ht="34.5" customHeight="1" x14ac:dyDescent="0.25">
      <c r="A44" s="29" t="s">
        <v>39</v>
      </c>
      <c r="B44" s="161"/>
      <c r="C44" s="161"/>
      <c r="D44" s="2"/>
      <c r="E44" s="31"/>
    </row>
    <row r="45" spans="1:5" s="2" customFormat="1" ht="24.75" customHeight="1" x14ac:dyDescent="0.2">
      <c r="A45" s="11"/>
      <c r="B45" s="12"/>
      <c r="C45" s="12"/>
      <c r="E45" s="32"/>
    </row>
    <row r="46" spans="1:5" s="3" customFormat="1" ht="15" customHeight="1" x14ac:dyDescent="0.25">
      <c r="A46" s="166" t="s">
        <v>40</v>
      </c>
      <c r="B46" s="166"/>
      <c r="C46" s="166"/>
      <c r="D46" s="166"/>
      <c r="E46" s="166"/>
    </row>
    <row r="47" spans="1:5" s="2" customFormat="1" ht="36.75" customHeight="1" x14ac:dyDescent="0.25">
      <c r="A47" s="167" t="s">
        <v>51</v>
      </c>
      <c r="B47" s="167"/>
      <c r="C47" s="167"/>
      <c r="D47" s="167"/>
      <c r="E47" s="167"/>
    </row>
    <row r="48" spans="1:5" s="2" customFormat="1" ht="20.100000000000001" customHeight="1" x14ac:dyDescent="0.2">
      <c r="A48" s="1"/>
      <c r="B48" s="1"/>
      <c r="C48" s="8"/>
      <c r="D48" s="8"/>
    </row>
    <row r="49" spans="1:8" s="3" customFormat="1" ht="4.5" customHeight="1" x14ac:dyDescent="0.2">
      <c r="A49" s="1"/>
      <c r="B49" s="1"/>
      <c r="C49" s="8"/>
      <c r="D49" s="8"/>
      <c r="E49" s="2"/>
    </row>
    <row r="50" spans="1:8" s="3" customFormat="1" ht="20.100000000000001" customHeight="1" x14ac:dyDescent="0.25">
      <c r="A50" s="33" t="s">
        <v>41</v>
      </c>
      <c r="B50" s="49"/>
      <c r="C50" s="34" t="s">
        <v>42</v>
      </c>
      <c r="D50" s="172"/>
      <c r="E50" s="172"/>
    </row>
    <row r="51" spans="1:8" s="3" customFormat="1" ht="20.100000000000001" customHeight="1" x14ac:dyDescent="0.25">
      <c r="A51" s="46" t="s">
        <v>43</v>
      </c>
      <c r="B51" s="50"/>
      <c r="C51" s="35"/>
      <c r="D51" s="36"/>
      <c r="E51" s="36"/>
    </row>
    <row r="52" spans="1:8" ht="20.100000000000001" customHeight="1" x14ac:dyDescent="0.2">
      <c r="C52" s="37" t="s">
        <v>44</v>
      </c>
      <c r="D52" s="173"/>
      <c r="E52" s="173"/>
    </row>
    <row r="53" spans="1:8" s="2" customFormat="1" ht="20.100000000000001" customHeight="1" x14ac:dyDescent="0.2">
      <c r="A53" s="1"/>
      <c r="B53" s="1"/>
      <c r="C53" s="37" t="s">
        <v>45</v>
      </c>
      <c r="D53" s="161"/>
      <c r="E53" s="161"/>
    </row>
    <row r="54" spans="1:8" s="2" customFormat="1" ht="20.100000000000001" customHeight="1" x14ac:dyDescent="0.2">
      <c r="A54" s="1"/>
      <c r="B54" s="1"/>
      <c r="C54" s="38" t="s">
        <v>46</v>
      </c>
      <c r="D54" s="1"/>
    </row>
    <row r="55" spans="1:8" s="2" customFormat="1" ht="37.5" customHeight="1" x14ac:dyDescent="0.25"/>
    <row r="56" spans="1:8" s="2" customFormat="1" ht="24" customHeight="1" x14ac:dyDescent="0.25"/>
    <row r="57" spans="1:8" s="2" customFormat="1" ht="24" customHeight="1" x14ac:dyDescent="0.25"/>
    <row r="58" spans="1:8" s="2" customFormat="1" ht="24" customHeight="1" x14ac:dyDescent="0.25"/>
    <row r="59" spans="1:8" s="2" customFormat="1" ht="20.100000000000001" customHeight="1" x14ac:dyDescent="0.25"/>
    <row r="60" spans="1:8" s="2" customFormat="1" ht="20.100000000000001" customHeight="1" x14ac:dyDescent="0.25"/>
    <row r="61" spans="1:8" s="2" customFormat="1" ht="50.1" customHeight="1" x14ac:dyDescent="0.25"/>
    <row r="62" spans="1:8" s="2" customFormat="1" ht="43.5" customHeight="1" x14ac:dyDescent="0.25"/>
    <row r="63" spans="1:8" s="2" customFormat="1" ht="24.75" customHeight="1" x14ac:dyDescent="0.2">
      <c r="F63" s="1"/>
      <c r="G63" s="1"/>
      <c r="H63" s="1"/>
    </row>
    <row r="64" spans="1:8" s="2" customFormat="1" x14ac:dyDescent="0.2">
      <c r="F64" s="1"/>
      <c r="G64" s="1"/>
      <c r="H64" s="1"/>
    </row>
    <row r="65" spans="1:8" s="2" customFormat="1" ht="20.100000000000001" customHeight="1" x14ac:dyDescent="0.2">
      <c r="A65" s="1"/>
      <c r="B65" s="1"/>
      <c r="C65" s="8"/>
      <c r="D65" s="8"/>
      <c r="F65" s="1"/>
      <c r="G65" s="1"/>
      <c r="H65" s="1"/>
    </row>
    <row r="66" spans="1:8" s="2" customFormat="1" ht="4.5" customHeight="1" x14ac:dyDescent="0.2">
      <c r="A66" s="1"/>
      <c r="B66" s="1"/>
      <c r="C66" s="8"/>
      <c r="D66" s="8"/>
      <c r="F66" s="1"/>
      <c r="G66" s="1"/>
      <c r="H66" s="1"/>
    </row>
    <row r="67" spans="1:8" s="2" customFormat="1" ht="20.100000000000001" customHeight="1" x14ac:dyDescent="0.2">
      <c r="A67" s="1"/>
      <c r="B67" s="1"/>
      <c r="C67" s="8"/>
      <c r="D67" s="8"/>
      <c r="F67" s="1"/>
      <c r="G67" s="1"/>
      <c r="H67" s="1"/>
    </row>
    <row r="68" spans="1:8" s="2" customFormat="1" ht="20.100000000000001" customHeight="1" x14ac:dyDescent="0.2">
      <c r="A68" s="1"/>
      <c r="B68" s="1"/>
      <c r="C68" s="8"/>
      <c r="D68" s="8"/>
      <c r="F68" s="1"/>
      <c r="G68" s="1"/>
      <c r="H68" s="1"/>
    </row>
    <row r="69" spans="1:8" s="2" customFormat="1" ht="20.100000000000001" customHeight="1" x14ac:dyDescent="0.2">
      <c r="A69" s="1"/>
      <c r="B69" s="1"/>
      <c r="C69" s="8"/>
      <c r="D69" s="8"/>
      <c r="F69" s="1"/>
      <c r="G69" s="1"/>
      <c r="H69" s="1"/>
    </row>
  </sheetData>
  <mergeCells count="42">
    <mergeCell ref="D53:E53"/>
    <mergeCell ref="D38:E38"/>
    <mergeCell ref="D39:E39"/>
    <mergeCell ref="A40:D40"/>
    <mergeCell ref="B41:C41"/>
    <mergeCell ref="B42:C42"/>
    <mergeCell ref="B43:C43"/>
    <mergeCell ref="B44:C44"/>
    <mergeCell ref="A46:E46"/>
    <mergeCell ref="A47:E47"/>
    <mergeCell ref="D50:E50"/>
    <mergeCell ref="D52:E52"/>
    <mergeCell ref="D36:E36"/>
    <mergeCell ref="D37:E37"/>
    <mergeCell ref="A25:E25"/>
    <mergeCell ref="A27:B28"/>
    <mergeCell ref="C27:E27"/>
    <mergeCell ref="D28:E28"/>
    <mergeCell ref="A29:E29"/>
    <mergeCell ref="A30:E30"/>
    <mergeCell ref="D31:E31"/>
    <mergeCell ref="D32:E32"/>
    <mergeCell ref="D33:E33"/>
    <mergeCell ref="D34:E34"/>
    <mergeCell ref="D35:E35"/>
    <mergeCell ref="A19:E19"/>
    <mergeCell ref="A20:C20"/>
    <mergeCell ref="B21:C21"/>
    <mergeCell ref="A22:E22"/>
    <mergeCell ref="B23:C23"/>
    <mergeCell ref="A18:E18"/>
    <mergeCell ref="A1:E1"/>
    <mergeCell ref="A2:E2"/>
    <mergeCell ref="A3:E3"/>
    <mergeCell ref="A7:E7"/>
    <mergeCell ref="A8:E8"/>
    <mergeCell ref="A9:E9"/>
    <mergeCell ref="A11:E11"/>
    <mergeCell ref="A12:C12"/>
    <mergeCell ref="A13:C13"/>
    <mergeCell ref="A16:C16"/>
    <mergeCell ref="A17:C17"/>
  </mergeCells>
  <conditionalFormatting sqref="B41:C44 C31:C39">
    <cfRule type="containsBlanks" dxfId="27" priority="7">
      <formula>LEN(TRIM(B31))=0</formula>
    </cfRule>
  </conditionalFormatting>
  <conditionalFormatting sqref="D52:E52">
    <cfRule type="containsBlanks" dxfId="26" priority="6">
      <formula>LEN(TRIM(D52))=0</formula>
    </cfRule>
  </conditionalFormatting>
  <conditionalFormatting sqref="D53:E53">
    <cfRule type="containsBlanks" dxfId="25" priority="5">
      <formula>LEN(TRIM(D53))=0</formula>
    </cfRule>
  </conditionalFormatting>
  <conditionalFormatting sqref="B50">
    <cfRule type="containsBlanks" dxfId="24" priority="2">
      <formula>LEN(TRIM(B50))=0</formula>
    </cfRule>
  </conditionalFormatting>
  <conditionalFormatting sqref="B4">
    <cfRule type="containsBlanks" dxfId="23" priority="4">
      <formula>LEN(TRIM(B4))=0</formula>
    </cfRule>
  </conditionalFormatting>
  <conditionalFormatting sqref="B5">
    <cfRule type="containsBlanks" dxfId="22" priority="3">
      <formula>LEN(TRIM(B5))=0</formula>
    </cfRule>
  </conditionalFormatting>
  <conditionalFormatting sqref="B51">
    <cfRule type="containsBlanks" dxfId="21" priority="1">
      <formula>LEN(TRIM(B51))=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H74"/>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70"/>
      <c r="C4" s="39"/>
      <c r="D4" s="39"/>
      <c r="E4" s="39"/>
    </row>
    <row r="5" spans="1:5" ht="24.95" customHeight="1" x14ac:dyDescent="0.2">
      <c r="A5" s="44" t="s">
        <v>50</v>
      </c>
      <c r="B5" s="69"/>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73"/>
      <c r="B10" s="73"/>
      <c r="C10" s="73"/>
      <c r="D10" s="73"/>
      <c r="E10" s="73"/>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73"/>
      <c r="B14" s="73"/>
      <c r="C14" s="73"/>
      <c r="D14" s="73"/>
      <c r="E14" s="73"/>
    </row>
    <row r="15" spans="1:5" x14ac:dyDescent="0.2">
      <c r="A15" s="40" t="s">
        <v>10</v>
      </c>
      <c r="B15" s="23"/>
      <c r="C15" s="23"/>
      <c r="D15" s="24"/>
      <c r="E15" s="24"/>
    </row>
    <row r="16" spans="1:5" s="3" customFormat="1" ht="24.95" customHeight="1" x14ac:dyDescent="0.25">
      <c r="A16" s="148" t="s">
        <v>57</v>
      </c>
      <c r="B16" s="148"/>
      <c r="C16" s="148"/>
      <c r="D16" s="21"/>
      <c r="E16" s="22"/>
    </row>
    <row r="17" spans="1:6" ht="5.0999999999999996" customHeight="1" x14ac:dyDescent="0.2">
      <c r="A17" s="159"/>
      <c r="B17" s="159"/>
      <c r="C17" s="159"/>
      <c r="E17" s="16"/>
    </row>
    <row r="18" spans="1:6" s="2" customFormat="1" ht="20.100000000000001" customHeight="1" x14ac:dyDescent="0.25">
      <c r="A18" s="138" t="s">
        <v>21</v>
      </c>
      <c r="B18" s="138"/>
      <c r="C18" s="138"/>
      <c r="D18" s="138"/>
      <c r="E18" s="138"/>
    </row>
    <row r="19" spans="1:6" ht="24.95" customHeight="1" x14ac:dyDescent="0.2">
      <c r="A19" s="142" t="s">
        <v>84</v>
      </c>
      <c r="B19" s="142"/>
      <c r="C19" s="142"/>
      <c r="D19" s="142"/>
      <c r="E19" s="142"/>
    </row>
    <row r="20" spans="1:6" ht="5.0999999999999996" customHeight="1" thickBot="1" x14ac:dyDescent="0.25">
      <c r="A20" s="201"/>
      <c r="B20" s="201"/>
      <c r="C20" s="201"/>
      <c r="E20" s="16"/>
    </row>
    <row r="21" spans="1:6" s="9" customFormat="1" ht="31.5" customHeight="1" thickBot="1" x14ac:dyDescent="0.3">
      <c r="A21" s="95" t="s">
        <v>67</v>
      </c>
      <c r="B21" s="199" t="s">
        <v>12</v>
      </c>
      <c r="C21" s="200"/>
      <c r="D21" s="96" t="s">
        <v>11</v>
      </c>
      <c r="E21" s="97" t="s">
        <v>145</v>
      </c>
    </row>
    <row r="22" spans="1:6" s="9" customFormat="1" ht="31.5" customHeight="1" thickBot="1" x14ac:dyDescent="0.3">
      <c r="A22" s="231" t="s">
        <v>156</v>
      </c>
      <c r="B22" s="232"/>
      <c r="C22" s="232"/>
      <c r="D22" s="232"/>
      <c r="E22" s="233"/>
    </row>
    <row r="23" spans="1:6" s="9" customFormat="1" ht="31.5" customHeight="1" x14ac:dyDescent="0.25">
      <c r="A23" s="100" t="s">
        <v>146</v>
      </c>
      <c r="B23" s="126" t="s">
        <v>123</v>
      </c>
      <c r="C23" s="127"/>
      <c r="D23" s="18" t="s">
        <v>1</v>
      </c>
      <c r="E23" s="115">
        <v>7480</v>
      </c>
    </row>
    <row r="24" spans="1:6" ht="5.0999999999999996" customHeight="1" x14ac:dyDescent="0.2"/>
    <row r="25" spans="1:6" s="2" customFormat="1" ht="20.100000000000001" customHeight="1" x14ac:dyDescent="0.25">
      <c r="A25" s="138" t="s">
        <v>23</v>
      </c>
      <c r="B25" s="138"/>
      <c r="C25" s="138"/>
      <c r="D25" s="138"/>
      <c r="E25" s="138"/>
    </row>
    <row r="26" spans="1:6" s="2" customFormat="1" ht="5.0999999999999996" customHeight="1" thickBot="1" x14ac:dyDescent="0.3">
      <c r="A26" s="16"/>
      <c r="C26" s="72"/>
      <c r="D26" s="72"/>
      <c r="E26" s="72"/>
    </row>
    <row r="27" spans="1:6" s="3" customFormat="1" ht="93" customHeight="1" x14ac:dyDescent="0.25">
      <c r="A27" s="150" t="s">
        <v>0</v>
      </c>
      <c r="B27" s="151"/>
      <c r="C27" s="154" t="s">
        <v>25</v>
      </c>
      <c r="D27" s="155"/>
      <c r="E27" s="156"/>
      <c r="F27" s="25"/>
    </row>
    <row r="28" spans="1:6" s="3" customFormat="1" ht="30" customHeight="1" thickBot="1" x14ac:dyDescent="0.3">
      <c r="A28" s="207"/>
      <c r="B28" s="208"/>
      <c r="C28" s="101" t="s">
        <v>26</v>
      </c>
      <c r="D28" s="209" t="s">
        <v>27</v>
      </c>
      <c r="E28" s="210"/>
    </row>
    <row r="29" spans="1:6" s="3" customFormat="1" ht="31.5" customHeight="1" thickBot="1" x14ac:dyDescent="0.3">
      <c r="A29" s="234" t="s">
        <v>156</v>
      </c>
      <c r="B29" s="235"/>
      <c r="C29" s="235"/>
      <c r="D29" s="235"/>
      <c r="E29" s="236"/>
    </row>
    <row r="30" spans="1:6" s="27" customFormat="1" ht="31.5" customHeight="1" thickBot="1" x14ac:dyDescent="0.3">
      <c r="A30" s="216" t="s">
        <v>157</v>
      </c>
      <c r="B30" s="217"/>
      <c r="C30" s="217"/>
      <c r="D30" s="217"/>
      <c r="E30" s="218"/>
    </row>
    <row r="31" spans="1:6" s="4" customFormat="1" ht="32.1" customHeight="1" x14ac:dyDescent="0.25">
      <c r="A31" s="104">
        <v>45658</v>
      </c>
      <c r="B31" s="107" t="s">
        <v>110</v>
      </c>
      <c r="C31" s="54"/>
      <c r="D31" s="229"/>
      <c r="E31" s="230"/>
    </row>
    <row r="32" spans="1:6" s="4" customFormat="1" ht="32.1" customHeight="1" x14ac:dyDescent="0.25">
      <c r="A32" s="105">
        <v>45689</v>
      </c>
      <c r="B32" s="103" t="s">
        <v>111</v>
      </c>
      <c r="C32" s="54"/>
      <c r="D32" s="211"/>
      <c r="E32" s="212"/>
    </row>
    <row r="33" spans="1:5" s="4" customFormat="1" ht="32.1" customHeight="1" x14ac:dyDescent="0.25">
      <c r="A33" s="105">
        <v>45717</v>
      </c>
      <c r="B33" s="103" t="s">
        <v>158</v>
      </c>
      <c r="C33" s="54"/>
      <c r="D33" s="211"/>
      <c r="E33" s="212"/>
    </row>
    <row r="34" spans="1:5" s="4" customFormat="1" ht="32.1" customHeight="1" x14ac:dyDescent="0.25">
      <c r="A34" s="105">
        <v>45748</v>
      </c>
      <c r="B34" s="103" t="s">
        <v>112</v>
      </c>
      <c r="C34" s="54"/>
      <c r="D34" s="211"/>
      <c r="E34" s="212"/>
    </row>
    <row r="35" spans="1:5" s="4" customFormat="1" ht="36" customHeight="1" x14ac:dyDescent="0.25">
      <c r="A35" s="105">
        <v>45778</v>
      </c>
      <c r="B35" s="103" t="s">
        <v>166</v>
      </c>
      <c r="C35" s="54"/>
      <c r="D35" s="211"/>
      <c r="E35" s="212"/>
    </row>
    <row r="36" spans="1:5" s="4" customFormat="1" ht="32.1" customHeight="1" x14ac:dyDescent="0.25">
      <c r="A36" s="105">
        <v>45809</v>
      </c>
      <c r="B36" s="103" t="s">
        <v>90</v>
      </c>
      <c r="C36" s="54"/>
      <c r="D36" s="211"/>
      <c r="E36" s="212"/>
    </row>
    <row r="37" spans="1:5" s="4" customFormat="1" ht="32.1" customHeight="1" x14ac:dyDescent="0.25">
      <c r="A37" s="105">
        <v>45839</v>
      </c>
      <c r="B37" s="103" t="s">
        <v>113</v>
      </c>
      <c r="C37" s="54"/>
      <c r="D37" s="211"/>
      <c r="E37" s="212"/>
    </row>
    <row r="38" spans="1:5" s="4" customFormat="1" ht="32.1" customHeight="1" x14ac:dyDescent="0.25">
      <c r="A38" s="105">
        <v>45870</v>
      </c>
      <c r="B38" s="103" t="s">
        <v>95</v>
      </c>
      <c r="C38" s="54"/>
      <c r="D38" s="211"/>
      <c r="E38" s="212"/>
    </row>
    <row r="39" spans="1:5" s="4" customFormat="1" ht="32.1" customHeight="1" x14ac:dyDescent="0.25">
      <c r="A39" s="105">
        <v>45901</v>
      </c>
      <c r="B39" s="103" t="s">
        <v>114</v>
      </c>
      <c r="C39" s="54"/>
      <c r="D39" s="211"/>
      <c r="E39" s="212"/>
    </row>
    <row r="40" spans="1:5" s="4" customFormat="1" ht="32.1" customHeight="1" x14ac:dyDescent="0.25">
      <c r="A40" s="105">
        <v>45931</v>
      </c>
      <c r="B40" s="103" t="s">
        <v>115</v>
      </c>
      <c r="C40" s="54"/>
      <c r="D40" s="211"/>
      <c r="E40" s="212"/>
    </row>
    <row r="41" spans="1:5" s="4" customFormat="1" ht="32.1" customHeight="1" x14ac:dyDescent="0.25">
      <c r="A41" s="105">
        <v>45962</v>
      </c>
      <c r="B41" s="103" t="s">
        <v>116</v>
      </c>
      <c r="C41" s="54"/>
      <c r="D41" s="211"/>
      <c r="E41" s="212"/>
    </row>
    <row r="42" spans="1:5" s="4" customFormat="1" ht="32.1" customHeight="1" x14ac:dyDescent="0.25">
      <c r="A42" s="105">
        <v>45992</v>
      </c>
      <c r="B42" s="103" t="s">
        <v>97</v>
      </c>
      <c r="C42" s="54"/>
      <c r="D42" s="211"/>
      <c r="E42" s="212"/>
    </row>
    <row r="43" spans="1:5" s="4" customFormat="1" ht="32.1" customHeight="1" x14ac:dyDescent="0.25">
      <c r="A43" s="109">
        <v>41275</v>
      </c>
      <c r="B43" s="103" t="s">
        <v>117</v>
      </c>
      <c r="C43" s="54"/>
      <c r="D43" s="211"/>
      <c r="E43" s="212"/>
    </row>
    <row r="44" spans="1:5" s="4" customFormat="1" ht="32.1" customHeight="1" thickBot="1" x14ac:dyDescent="0.3">
      <c r="A44" s="110">
        <v>41640</v>
      </c>
      <c r="B44" s="108" t="s">
        <v>118</v>
      </c>
      <c r="C44" s="56"/>
      <c r="D44" s="219"/>
      <c r="E44" s="220"/>
    </row>
    <row r="45" spans="1:5" s="30" customFormat="1" ht="30" customHeight="1" x14ac:dyDescent="0.25">
      <c r="A45" s="164" t="s">
        <v>35</v>
      </c>
      <c r="B45" s="164"/>
      <c r="C45" s="164"/>
      <c r="D45" s="164"/>
      <c r="E45" s="3"/>
    </row>
    <row r="46" spans="1:5" s="2" customFormat="1" ht="24" x14ac:dyDescent="0.25">
      <c r="A46" s="29" t="s">
        <v>36</v>
      </c>
      <c r="B46" s="173"/>
      <c r="C46" s="173"/>
      <c r="E46" s="30"/>
    </row>
    <row r="47" spans="1:5" s="2" customFormat="1" ht="24" x14ac:dyDescent="0.25">
      <c r="A47" s="29" t="s">
        <v>37</v>
      </c>
      <c r="B47" s="161"/>
      <c r="C47" s="161"/>
      <c r="E47" s="30"/>
    </row>
    <row r="48" spans="1:5" s="2" customFormat="1" ht="24.95" customHeight="1" x14ac:dyDescent="0.25">
      <c r="A48" s="29" t="s">
        <v>38</v>
      </c>
      <c r="B48" s="161"/>
      <c r="C48" s="161"/>
      <c r="E48" s="30"/>
    </row>
    <row r="49" spans="1:5" s="3" customFormat="1" ht="34.5" customHeight="1" x14ac:dyDescent="0.25">
      <c r="A49" s="29" t="s">
        <v>39</v>
      </c>
      <c r="B49" s="161"/>
      <c r="C49" s="161"/>
      <c r="D49" s="2"/>
      <c r="E49" s="31"/>
    </row>
    <row r="50" spans="1:5" s="2" customFormat="1" ht="24.75" customHeight="1" x14ac:dyDescent="0.2">
      <c r="A50" s="11"/>
      <c r="B50" s="12"/>
      <c r="C50" s="12"/>
      <c r="E50" s="32"/>
    </row>
    <row r="51" spans="1:5" s="3" customFormat="1" ht="15" customHeight="1" x14ac:dyDescent="0.25">
      <c r="A51" s="166" t="s">
        <v>40</v>
      </c>
      <c r="B51" s="166"/>
      <c r="C51" s="166"/>
      <c r="D51" s="166"/>
      <c r="E51" s="166"/>
    </row>
    <row r="52" spans="1:5" s="2" customFormat="1" ht="36.75" customHeight="1" x14ac:dyDescent="0.25">
      <c r="A52" s="167" t="s">
        <v>51</v>
      </c>
      <c r="B52" s="167"/>
      <c r="C52" s="167"/>
      <c r="D52" s="167"/>
      <c r="E52" s="167"/>
    </row>
    <row r="53" spans="1:5" s="2" customFormat="1" ht="20.100000000000001" customHeight="1" x14ac:dyDescent="0.2">
      <c r="A53" s="1"/>
      <c r="B53" s="1"/>
      <c r="C53" s="8"/>
      <c r="D53" s="8"/>
    </row>
    <row r="54" spans="1:5" s="3" customFormat="1" ht="4.5" customHeight="1" x14ac:dyDescent="0.2">
      <c r="A54" s="1"/>
      <c r="B54" s="1"/>
      <c r="C54" s="8"/>
      <c r="D54" s="8"/>
      <c r="E54" s="2"/>
    </row>
    <row r="55" spans="1:5" s="3" customFormat="1" ht="20.100000000000001" customHeight="1" x14ac:dyDescent="0.25">
      <c r="A55" s="33" t="s">
        <v>41</v>
      </c>
      <c r="B55" s="49"/>
      <c r="C55" s="34" t="s">
        <v>42</v>
      </c>
      <c r="D55" s="172"/>
      <c r="E55" s="172"/>
    </row>
    <row r="56" spans="1:5" s="3" customFormat="1" ht="20.100000000000001" customHeight="1" x14ac:dyDescent="0.25">
      <c r="A56" s="46" t="s">
        <v>43</v>
      </c>
      <c r="B56" s="50"/>
      <c r="C56" s="35"/>
      <c r="D56" s="36"/>
      <c r="E56" s="36"/>
    </row>
    <row r="57" spans="1:5" ht="20.100000000000001" customHeight="1" x14ac:dyDescent="0.2">
      <c r="C57" s="37" t="s">
        <v>44</v>
      </c>
      <c r="D57" s="173"/>
      <c r="E57" s="173"/>
    </row>
    <row r="58" spans="1:5" s="2" customFormat="1" ht="20.100000000000001" customHeight="1" x14ac:dyDescent="0.2">
      <c r="A58" s="1"/>
      <c r="B58" s="1"/>
      <c r="C58" s="37" t="s">
        <v>45</v>
      </c>
      <c r="D58" s="161"/>
      <c r="E58" s="161"/>
    </row>
    <row r="59" spans="1:5" s="2" customFormat="1" ht="20.100000000000001" customHeight="1" x14ac:dyDescent="0.2">
      <c r="A59" s="1"/>
      <c r="B59" s="1"/>
      <c r="C59" s="38" t="s">
        <v>46</v>
      </c>
      <c r="D59" s="1"/>
    </row>
    <row r="60" spans="1:5" s="2" customFormat="1" ht="37.5" customHeight="1" x14ac:dyDescent="0.25"/>
    <row r="61" spans="1:5" s="2" customFormat="1" ht="24" customHeight="1" x14ac:dyDescent="0.25"/>
    <row r="62" spans="1:5" s="2" customFormat="1" ht="24" customHeight="1" x14ac:dyDescent="0.25"/>
    <row r="63" spans="1:5" s="2" customFormat="1" ht="24" customHeight="1" x14ac:dyDescent="0.25"/>
    <row r="64" spans="1:5" s="2" customFormat="1" ht="20.100000000000001" customHeight="1" x14ac:dyDescent="0.25"/>
    <row r="65" spans="1:8" s="2" customFormat="1" ht="20.100000000000001" customHeight="1" x14ac:dyDescent="0.25"/>
    <row r="66" spans="1:8" s="2" customFormat="1" ht="50.1" customHeight="1" x14ac:dyDescent="0.25"/>
    <row r="67" spans="1:8" s="2" customFormat="1" ht="43.5" customHeight="1" x14ac:dyDescent="0.25"/>
    <row r="68" spans="1:8" s="2" customFormat="1" ht="24.75" customHeight="1" x14ac:dyDescent="0.2">
      <c r="F68" s="1"/>
      <c r="G68" s="1"/>
      <c r="H68" s="1"/>
    </row>
    <row r="69" spans="1:8" s="2" customFormat="1" x14ac:dyDescent="0.2">
      <c r="F69" s="1"/>
      <c r="G69" s="1"/>
      <c r="H69" s="1"/>
    </row>
    <row r="70" spans="1:8" s="2" customFormat="1" ht="20.100000000000001" customHeight="1" x14ac:dyDescent="0.2">
      <c r="A70" s="1"/>
      <c r="B70" s="1"/>
      <c r="C70" s="8"/>
      <c r="D70" s="8"/>
      <c r="F70" s="1"/>
      <c r="G70" s="1"/>
      <c r="H70" s="1"/>
    </row>
    <row r="71" spans="1:8" s="2" customFormat="1" ht="4.5" customHeight="1" x14ac:dyDescent="0.2">
      <c r="A71" s="1"/>
      <c r="B71" s="1"/>
      <c r="C71" s="8"/>
      <c r="D71" s="8"/>
      <c r="F71" s="1"/>
      <c r="G71" s="1"/>
      <c r="H71" s="1"/>
    </row>
    <row r="72" spans="1:8" s="2" customFormat="1" ht="20.100000000000001" customHeight="1" x14ac:dyDescent="0.2">
      <c r="A72" s="1"/>
      <c r="B72" s="1"/>
      <c r="C72" s="8"/>
      <c r="D72" s="8"/>
      <c r="F72" s="1"/>
      <c r="G72" s="1"/>
      <c r="H72" s="1"/>
    </row>
    <row r="73" spans="1:8" s="2" customFormat="1" ht="20.100000000000001" customHeight="1" x14ac:dyDescent="0.2">
      <c r="A73" s="1"/>
      <c r="B73" s="1"/>
      <c r="C73" s="8"/>
      <c r="D73" s="8"/>
      <c r="F73" s="1"/>
      <c r="G73" s="1"/>
      <c r="H73" s="1"/>
    </row>
    <row r="74" spans="1:8" s="2" customFormat="1" ht="20.100000000000001" customHeight="1" x14ac:dyDescent="0.2">
      <c r="A74" s="1"/>
      <c r="B74" s="1"/>
      <c r="C74" s="8"/>
      <c r="D74" s="8"/>
      <c r="F74" s="1"/>
      <c r="G74" s="1"/>
      <c r="H74" s="1"/>
    </row>
  </sheetData>
  <mergeCells count="47">
    <mergeCell ref="D55:E55"/>
    <mergeCell ref="D57:E57"/>
    <mergeCell ref="D58:E58"/>
    <mergeCell ref="D35:E35"/>
    <mergeCell ref="D36:E36"/>
    <mergeCell ref="D37:E37"/>
    <mergeCell ref="D38:E38"/>
    <mergeCell ref="D39:E39"/>
    <mergeCell ref="D40:E40"/>
    <mergeCell ref="D41:E41"/>
    <mergeCell ref="A52:E52"/>
    <mergeCell ref="A45:D45"/>
    <mergeCell ref="B46:C46"/>
    <mergeCell ref="B47:C47"/>
    <mergeCell ref="B48:C48"/>
    <mergeCell ref="B49:C49"/>
    <mergeCell ref="A51:E51"/>
    <mergeCell ref="D32:E32"/>
    <mergeCell ref="D33:E33"/>
    <mergeCell ref="D34:E34"/>
    <mergeCell ref="D43:E43"/>
    <mergeCell ref="D44:E44"/>
    <mergeCell ref="D42:E42"/>
    <mergeCell ref="D31:E31"/>
    <mergeCell ref="A19:E19"/>
    <mergeCell ref="A20:C20"/>
    <mergeCell ref="B21:C21"/>
    <mergeCell ref="A22:E22"/>
    <mergeCell ref="B23:C23"/>
    <mergeCell ref="A25:E25"/>
    <mergeCell ref="A27:B28"/>
    <mergeCell ref="C27:E27"/>
    <mergeCell ref="D28:E28"/>
    <mergeCell ref="A29:E29"/>
    <mergeCell ref="A30:E30"/>
    <mergeCell ref="A18:E18"/>
    <mergeCell ref="A1:E1"/>
    <mergeCell ref="A2:E2"/>
    <mergeCell ref="A3:E3"/>
    <mergeCell ref="A7:E7"/>
    <mergeCell ref="A8:E8"/>
    <mergeCell ref="A9:E9"/>
    <mergeCell ref="A11:E11"/>
    <mergeCell ref="A12:C12"/>
    <mergeCell ref="A13:C13"/>
    <mergeCell ref="A16:C16"/>
    <mergeCell ref="A17:C17"/>
  </mergeCells>
  <conditionalFormatting sqref="B46:C49 C31:C44">
    <cfRule type="containsBlanks" dxfId="20" priority="7">
      <formula>LEN(TRIM(B31))=0</formula>
    </cfRule>
  </conditionalFormatting>
  <conditionalFormatting sqref="D57:E57">
    <cfRule type="containsBlanks" dxfId="19" priority="6">
      <formula>LEN(TRIM(D57))=0</formula>
    </cfRule>
  </conditionalFormatting>
  <conditionalFormatting sqref="D58:E58">
    <cfRule type="containsBlanks" dxfId="18" priority="5">
      <formula>LEN(TRIM(D58))=0</formula>
    </cfRule>
  </conditionalFormatting>
  <conditionalFormatting sqref="B55">
    <cfRule type="containsBlanks" dxfId="17" priority="2">
      <formula>LEN(TRIM(B55))=0</formula>
    </cfRule>
  </conditionalFormatting>
  <conditionalFormatting sqref="B4">
    <cfRule type="containsBlanks" dxfId="16" priority="4">
      <formula>LEN(TRIM(B4))=0</formula>
    </cfRule>
  </conditionalFormatting>
  <conditionalFormatting sqref="B5">
    <cfRule type="containsBlanks" dxfId="15" priority="3">
      <formula>LEN(TRIM(B5))=0</formula>
    </cfRule>
  </conditionalFormatting>
  <conditionalFormatting sqref="B56">
    <cfRule type="containsBlanks" dxfId="14" priority="1">
      <formula>LEN(TRIM(B56))=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H72"/>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70"/>
      <c r="C4" s="39"/>
      <c r="D4" s="39"/>
      <c r="E4" s="39"/>
    </row>
    <row r="5" spans="1:5" ht="24.95" customHeight="1" x14ac:dyDescent="0.2">
      <c r="A5" s="44" t="s">
        <v>50</v>
      </c>
      <c r="B5" s="69"/>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73"/>
      <c r="B10" s="73"/>
      <c r="C10" s="73"/>
      <c r="D10" s="73"/>
      <c r="E10" s="73"/>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73"/>
      <c r="B14" s="73"/>
      <c r="C14" s="73"/>
      <c r="D14" s="73"/>
      <c r="E14" s="73"/>
    </row>
    <row r="15" spans="1:5" x14ac:dyDescent="0.2">
      <c r="A15" s="40" t="s">
        <v>10</v>
      </c>
      <c r="B15" s="23"/>
      <c r="C15" s="23"/>
      <c r="D15" s="24"/>
      <c r="E15" s="24"/>
    </row>
    <row r="16" spans="1:5" s="3" customFormat="1" ht="24.95" customHeight="1" x14ac:dyDescent="0.25">
      <c r="A16" s="148" t="s">
        <v>57</v>
      </c>
      <c r="B16" s="148"/>
      <c r="C16" s="148"/>
      <c r="D16" s="21"/>
      <c r="E16" s="22"/>
    </row>
    <row r="17" spans="1:6" ht="5.0999999999999996" customHeight="1" x14ac:dyDescent="0.2">
      <c r="A17" s="159"/>
      <c r="B17" s="159"/>
      <c r="C17" s="159"/>
      <c r="E17" s="16"/>
    </row>
    <row r="18" spans="1:6" s="2" customFormat="1" ht="20.100000000000001" customHeight="1" x14ac:dyDescent="0.25">
      <c r="A18" s="138" t="s">
        <v>21</v>
      </c>
      <c r="B18" s="138"/>
      <c r="C18" s="138"/>
      <c r="D18" s="138"/>
      <c r="E18" s="138"/>
    </row>
    <row r="19" spans="1:6" ht="24.95" customHeight="1" x14ac:dyDescent="0.2">
      <c r="A19" s="142" t="s">
        <v>84</v>
      </c>
      <c r="B19" s="142"/>
      <c r="C19" s="142"/>
      <c r="D19" s="142"/>
      <c r="E19" s="142"/>
    </row>
    <row r="20" spans="1:6" ht="5.0999999999999996" customHeight="1" thickBot="1" x14ac:dyDescent="0.25">
      <c r="A20" s="201"/>
      <c r="B20" s="201"/>
      <c r="C20" s="201"/>
      <c r="E20" s="16"/>
    </row>
    <row r="21" spans="1:6" s="9" customFormat="1" ht="31.5" customHeight="1" thickBot="1" x14ac:dyDescent="0.3">
      <c r="A21" s="95" t="s">
        <v>67</v>
      </c>
      <c r="B21" s="199" t="s">
        <v>12</v>
      </c>
      <c r="C21" s="200"/>
      <c r="D21" s="96" t="s">
        <v>11</v>
      </c>
      <c r="E21" s="97" t="s">
        <v>145</v>
      </c>
    </row>
    <row r="22" spans="1:6" s="9" customFormat="1" ht="31.5" customHeight="1" thickBot="1" x14ac:dyDescent="0.3">
      <c r="A22" s="237" t="s">
        <v>161</v>
      </c>
      <c r="B22" s="238"/>
      <c r="C22" s="238"/>
      <c r="D22" s="238"/>
      <c r="E22" s="239"/>
    </row>
    <row r="23" spans="1:6" s="9" customFormat="1" ht="31.5" customHeight="1" x14ac:dyDescent="0.25">
      <c r="A23" s="100" t="s">
        <v>146</v>
      </c>
      <c r="B23" s="126" t="s">
        <v>129</v>
      </c>
      <c r="C23" s="127"/>
      <c r="D23" s="18" t="s">
        <v>1</v>
      </c>
      <c r="E23" s="115">
        <v>2000</v>
      </c>
    </row>
    <row r="24" spans="1:6" ht="5.0999999999999996" customHeight="1" x14ac:dyDescent="0.2"/>
    <row r="25" spans="1:6" s="2" customFormat="1" ht="20.100000000000001" customHeight="1" x14ac:dyDescent="0.25">
      <c r="A25" s="138" t="s">
        <v>23</v>
      </c>
      <c r="B25" s="138"/>
      <c r="C25" s="138"/>
      <c r="D25" s="138"/>
      <c r="E25" s="138"/>
    </row>
    <row r="26" spans="1:6" s="2" customFormat="1" ht="5.0999999999999996" customHeight="1" thickBot="1" x14ac:dyDescent="0.3">
      <c r="A26" s="16"/>
      <c r="C26" s="72"/>
      <c r="D26" s="72"/>
      <c r="E26" s="72"/>
    </row>
    <row r="27" spans="1:6" s="3" customFormat="1" ht="93" customHeight="1" x14ac:dyDescent="0.25">
      <c r="A27" s="150" t="s">
        <v>0</v>
      </c>
      <c r="B27" s="151"/>
      <c r="C27" s="154" t="s">
        <v>25</v>
      </c>
      <c r="D27" s="155"/>
      <c r="E27" s="156"/>
      <c r="F27" s="25"/>
    </row>
    <row r="28" spans="1:6" s="3" customFormat="1" ht="30" customHeight="1" thickBot="1" x14ac:dyDescent="0.3">
      <c r="A28" s="207"/>
      <c r="B28" s="208"/>
      <c r="C28" s="101" t="s">
        <v>26</v>
      </c>
      <c r="D28" s="209" t="s">
        <v>27</v>
      </c>
      <c r="E28" s="210"/>
    </row>
    <row r="29" spans="1:6" s="3" customFormat="1" ht="31.5" customHeight="1" thickBot="1" x14ac:dyDescent="0.3">
      <c r="A29" s="240" t="s">
        <v>159</v>
      </c>
      <c r="B29" s="241"/>
      <c r="C29" s="241"/>
      <c r="D29" s="241"/>
      <c r="E29" s="242"/>
    </row>
    <row r="30" spans="1:6" s="27" customFormat="1" ht="31.5" customHeight="1" thickBot="1" x14ac:dyDescent="0.3">
      <c r="A30" s="216" t="s">
        <v>160</v>
      </c>
      <c r="B30" s="217"/>
      <c r="C30" s="217"/>
      <c r="D30" s="217"/>
      <c r="E30" s="218"/>
    </row>
    <row r="31" spans="1:6" s="4" customFormat="1" ht="32.1" customHeight="1" x14ac:dyDescent="0.25">
      <c r="A31" s="104">
        <v>45658</v>
      </c>
      <c r="B31" s="107" t="s">
        <v>110</v>
      </c>
      <c r="C31" s="54"/>
      <c r="D31" s="229"/>
      <c r="E31" s="230"/>
    </row>
    <row r="32" spans="1:6" s="4" customFormat="1" ht="32.1" customHeight="1" x14ac:dyDescent="0.25">
      <c r="A32" s="105">
        <v>45689</v>
      </c>
      <c r="B32" s="103" t="s">
        <v>119</v>
      </c>
      <c r="C32" s="54"/>
      <c r="D32" s="211"/>
      <c r="E32" s="212"/>
    </row>
    <row r="33" spans="1:5" s="4" customFormat="1" ht="32.1" customHeight="1" x14ac:dyDescent="0.25">
      <c r="A33" s="105">
        <v>45717</v>
      </c>
      <c r="B33" s="103" t="s">
        <v>112</v>
      </c>
      <c r="C33" s="54"/>
      <c r="D33" s="211"/>
      <c r="E33" s="212"/>
    </row>
    <row r="34" spans="1:5" s="4" customFormat="1" ht="32.1" customHeight="1" x14ac:dyDescent="0.25">
      <c r="A34" s="105">
        <v>45748</v>
      </c>
      <c r="B34" s="103" t="s">
        <v>89</v>
      </c>
      <c r="C34" s="54"/>
      <c r="D34" s="211"/>
      <c r="E34" s="212"/>
    </row>
    <row r="35" spans="1:5" s="4" customFormat="1" ht="32.1" customHeight="1" x14ac:dyDescent="0.25">
      <c r="A35" s="105">
        <v>45778</v>
      </c>
      <c r="B35" s="103" t="s">
        <v>90</v>
      </c>
      <c r="C35" s="54"/>
      <c r="D35" s="211"/>
      <c r="E35" s="212"/>
    </row>
    <row r="36" spans="1:5" s="4" customFormat="1" ht="32.1" customHeight="1" x14ac:dyDescent="0.25">
      <c r="A36" s="105">
        <v>45809</v>
      </c>
      <c r="B36" s="103" t="s">
        <v>113</v>
      </c>
      <c r="C36" s="54"/>
      <c r="D36" s="211"/>
      <c r="E36" s="212"/>
    </row>
    <row r="37" spans="1:5" s="4" customFormat="1" ht="32.1" customHeight="1" x14ac:dyDescent="0.25">
      <c r="A37" s="105">
        <v>45839</v>
      </c>
      <c r="B37" s="103" t="s">
        <v>163</v>
      </c>
      <c r="C37" s="54"/>
      <c r="D37" s="211"/>
      <c r="E37" s="212"/>
    </row>
    <row r="38" spans="1:5" s="4" customFormat="1" ht="32.1" customHeight="1" x14ac:dyDescent="0.25">
      <c r="A38" s="105">
        <v>45870</v>
      </c>
      <c r="B38" s="103" t="s">
        <v>95</v>
      </c>
      <c r="C38" s="54"/>
      <c r="D38" s="211"/>
      <c r="E38" s="212"/>
    </row>
    <row r="39" spans="1:5" s="4" customFormat="1" ht="32.1" customHeight="1" x14ac:dyDescent="0.25">
      <c r="A39" s="105">
        <v>45901</v>
      </c>
      <c r="B39" s="103" t="s">
        <v>116</v>
      </c>
      <c r="C39" s="54"/>
      <c r="D39" s="211"/>
      <c r="E39" s="212"/>
    </row>
    <row r="40" spans="1:5" s="4" customFormat="1" ht="32.1" customHeight="1" x14ac:dyDescent="0.25">
      <c r="A40" s="105">
        <v>45931</v>
      </c>
      <c r="B40" s="103" t="s">
        <v>120</v>
      </c>
      <c r="C40" s="54"/>
      <c r="D40" s="211"/>
      <c r="E40" s="212"/>
    </row>
    <row r="41" spans="1:5" s="4" customFormat="1" ht="32.1" customHeight="1" x14ac:dyDescent="0.25">
      <c r="A41" s="105">
        <v>45962</v>
      </c>
      <c r="B41" s="103" t="s">
        <v>121</v>
      </c>
      <c r="C41" s="54"/>
      <c r="D41" s="211"/>
      <c r="E41" s="212"/>
    </row>
    <row r="42" spans="1:5" s="4" customFormat="1" ht="32.1" customHeight="1" thickBot="1" x14ac:dyDescent="0.3">
      <c r="A42" s="106">
        <v>45992</v>
      </c>
      <c r="B42" s="108" t="s">
        <v>118</v>
      </c>
      <c r="C42" s="56"/>
      <c r="D42" s="219"/>
      <c r="E42" s="220"/>
    </row>
    <row r="43" spans="1:5" s="30" customFormat="1" ht="30" customHeight="1" x14ac:dyDescent="0.25">
      <c r="A43" s="164" t="s">
        <v>35</v>
      </c>
      <c r="B43" s="164"/>
      <c r="C43" s="164"/>
      <c r="D43" s="164"/>
      <c r="E43" s="3"/>
    </row>
    <row r="44" spans="1:5" s="2" customFormat="1" ht="24" x14ac:dyDescent="0.25">
      <c r="A44" s="29" t="s">
        <v>36</v>
      </c>
      <c r="B44" s="173"/>
      <c r="C44" s="173"/>
      <c r="E44" s="30"/>
    </row>
    <row r="45" spans="1:5" s="2" customFormat="1" ht="24" x14ac:dyDescent="0.25">
      <c r="A45" s="29" t="s">
        <v>37</v>
      </c>
      <c r="B45" s="161"/>
      <c r="C45" s="161"/>
      <c r="E45" s="30"/>
    </row>
    <row r="46" spans="1:5" s="2" customFormat="1" ht="24.95" customHeight="1" x14ac:dyDescent="0.25">
      <c r="A46" s="29" t="s">
        <v>38</v>
      </c>
      <c r="B46" s="161"/>
      <c r="C46" s="161"/>
      <c r="E46" s="30"/>
    </row>
    <row r="47" spans="1:5" s="3" customFormat="1" ht="34.5" customHeight="1" x14ac:dyDescent="0.25">
      <c r="A47" s="29" t="s">
        <v>39</v>
      </c>
      <c r="B47" s="161"/>
      <c r="C47" s="161"/>
      <c r="D47" s="2"/>
      <c r="E47" s="31"/>
    </row>
    <row r="48" spans="1:5" s="2" customFormat="1" ht="24.75" customHeight="1" x14ac:dyDescent="0.2">
      <c r="A48" s="11"/>
      <c r="B48" s="12"/>
      <c r="C48" s="12"/>
      <c r="E48" s="32"/>
    </row>
    <row r="49" spans="1:5" s="3" customFormat="1" ht="15" customHeight="1" x14ac:dyDescent="0.25">
      <c r="A49" s="166" t="s">
        <v>40</v>
      </c>
      <c r="B49" s="166"/>
      <c r="C49" s="166"/>
      <c r="D49" s="166"/>
      <c r="E49" s="166"/>
    </row>
    <row r="50" spans="1:5" s="2" customFormat="1" ht="36.75" customHeight="1" x14ac:dyDescent="0.25">
      <c r="A50" s="167" t="s">
        <v>51</v>
      </c>
      <c r="B50" s="167"/>
      <c r="C50" s="167"/>
      <c r="D50" s="167"/>
      <c r="E50" s="167"/>
    </row>
    <row r="51" spans="1:5" s="2" customFormat="1" ht="20.100000000000001" customHeight="1" x14ac:dyDescent="0.2">
      <c r="A51" s="1"/>
      <c r="B51" s="1"/>
      <c r="C51" s="8"/>
      <c r="D51" s="8"/>
    </row>
    <row r="52" spans="1:5" s="3" customFormat="1" ht="4.5" customHeight="1" x14ac:dyDescent="0.2">
      <c r="A52" s="1"/>
      <c r="B52" s="1"/>
      <c r="C52" s="8"/>
      <c r="D52" s="8"/>
      <c r="E52" s="2"/>
    </row>
    <row r="53" spans="1:5" s="3" customFormat="1" ht="20.100000000000001" customHeight="1" x14ac:dyDescent="0.25">
      <c r="A53" s="33" t="s">
        <v>41</v>
      </c>
      <c r="B53" s="49"/>
      <c r="C53" s="34" t="s">
        <v>42</v>
      </c>
      <c r="D53" s="172"/>
      <c r="E53" s="172"/>
    </row>
    <row r="54" spans="1:5" s="3" customFormat="1" ht="20.100000000000001" customHeight="1" x14ac:dyDescent="0.25">
      <c r="A54" s="46" t="s">
        <v>43</v>
      </c>
      <c r="B54" s="50"/>
      <c r="C54" s="35"/>
      <c r="D54" s="36"/>
      <c r="E54" s="36"/>
    </row>
    <row r="55" spans="1:5" ht="20.100000000000001" customHeight="1" x14ac:dyDescent="0.2">
      <c r="C55" s="37" t="s">
        <v>44</v>
      </c>
      <c r="D55" s="173"/>
      <c r="E55" s="173"/>
    </row>
    <row r="56" spans="1:5" s="2" customFormat="1" ht="20.100000000000001" customHeight="1" x14ac:dyDescent="0.2">
      <c r="A56" s="1"/>
      <c r="B56" s="1"/>
      <c r="C56" s="37" t="s">
        <v>45</v>
      </c>
      <c r="D56" s="161"/>
      <c r="E56" s="161"/>
    </row>
    <row r="57" spans="1:5" s="2" customFormat="1" ht="20.100000000000001" customHeight="1" x14ac:dyDescent="0.2">
      <c r="A57" s="1"/>
      <c r="B57" s="1"/>
      <c r="C57" s="38" t="s">
        <v>46</v>
      </c>
      <c r="D57" s="1"/>
    </row>
    <row r="58" spans="1:5" s="2" customFormat="1" ht="37.5" customHeight="1" x14ac:dyDescent="0.25"/>
    <row r="59" spans="1:5" s="2" customFormat="1" ht="24" customHeight="1" x14ac:dyDescent="0.25"/>
    <row r="60" spans="1:5" s="2" customFormat="1" ht="24" customHeight="1" x14ac:dyDescent="0.25"/>
    <row r="61" spans="1:5" s="2" customFormat="1" ht="24" customHeight="1" x14ac:dyDescent="0.25"/>
    <row r="62" spans="1:5" s="2" customFormat="1" ht="20.100000000000001" customHeight="1" x14ac:dyDescent="0.25"/>
    <row r="63" spans="1:5" s="2" customFormat="1" ht="20.100000000000001" customHeight="1" x14ac:dyDescent="0.25"/>
    <row r="64" spans="1:5" s="2" customFormat="1" ht="50.1" customHeight="1" x14ac:dyDescent="0.25"/>
    <row r="65" spans="1:8" s="2" customFormat="1" ht="43.5" customHeight="1" x14ac:dyDescent="0.25"/>
    <row r="66" spans="1:8" s="2" customFormat="1" ht="24.75" customHeight="1" x14ac:dyDescent="0.2">
      <c r="F66" s="1"/>
      <c r="G66" s="1"/>
      <c r="H66" s="1"/>
    </row>
    <row r="67" spans="1:8" s="2" customFormat="1" x14ac:dyDescent="0.2">
      <c r="F67" s="1"/>
      <c r="G67" s="1"/>
      <c r="H67" s="1"/>
    </row>
    <row r="68" spans="1:8" s="2" customFormat="1" ht="20.100000000000001" customHeight="1" x14ac:dyDescent="0.2">
      <c r="A68" s="1"/>
      <c r="B68" s="1"/>
      <c r="C68" s="8"/>
      <c r="D68" s="8"/>
      <c r="F68" s="1"/>
      <c r="G68" s="1"/>
      <c r="H68" s="1"/>
    </row>
    <row r="69" spans="1:8" s="2" customFormat="1" ht="4.5" customHeight="1" x14ac:dyDescent="0.2">
      <c r="A69" s="1"/>
      <c r="B69" s="1"/>
      <c r="C69" s="8"/>
      <c r="D69" s="8"/>
      <c r="F69" s="1"/>
      <c r="G69" s="1"/>
      <c r="H69" s="1"/>
    </row>
    <row r="70" spans="1:8" s="2" customFormat="1" ht="20.100000000000001" customHeight="1" x14ac:dyDescent="0.2">
      <c r="A70" s="1"/>
      <c r="B70" s="1"/>
      <c r="C70" s="8"/>
      <c r="D70" s="8"/>
      <c r="F70" s="1"/>
      <c r="G70" s="1"/>
      <c r="H70" s="1"/>
    </row>
    <row r="71" spans="1:8" s="2" customFormat="1" ht="20.100000000000001" customHeight="1" x14ac:dyDescent="0.2">
      <c r="A71" s="1"/>
      <c r="B71" s="1"/>
      <c r="C71" s="8"/>
      <c r="D71" s="8"/>
      <c r="F71" s="1"/>
      <c r="G71" s="1"/>
      <c r="H71" s="1"/>
    </row>
    <row r="72" spans="1:8" s="2" customFormat="1" ht="20.100000000000001" customHeight="1" x14ac:dyDescent="0.2">
      <c r="A72" s="1"/>
      <c r="B72" s="1"/>
      <c r="C72" s="8"/>
      <c r="D72" s="8"/>
      <c r="F72" s="1"/>
      <c r="G72" s="1"/>
      <c r="H72" s="1"/>
    </row>
  </sheetData>
  <mergeCells count="45">
    <mergeCell ref="A49:E49"/>
    <mergeCell ref="A50:E50"/>
    <mergeCell ref="D53:E53"/>
    <mergeCell ref="D55:E55"/>
    <mergeCell ref="D56:E56"/>
    <mergeCell ref="B47:C47"/>
    <mergeCell ref="D38:E38"/>
    <mergeCell ref="D39:E39"/>
    <mergeCell ref="D40:E40"/>
    <mergeCell ref="D41:E41"/>
    <mergeCell ref="D42:E42"/>
    <mergeCell ref="A43:D43"/>
    <mergeCell ref="B44:C44"/>
    <mergeCell ref="B45:C45"/>
    <mergeCell ref="B46:C46"/>
    <mergeCell ref="D37:E37"/>
    <mergeCell ref="A27:B28"/>
    <mergeCell ref="C27:E27"/>
    <mergeCell ref="D28:E28"/>
    <mergeCell ref="A29:E29"/>
    <mergeCell ref="A30:E30"/>
    <mergeCell ref="D31:E31"/>
    <mergeCell ref="D32:E32"/>
    <mergeCell ref="D33:E33"/>
    <mergeCell ref="D34:E34"/>
    <mergeCell ref="D35:E35"/>
    <mergeCell ref="D36:E36"/>
    <mergeCell ref="A25:E25"/>
    <mergeCell ref="A11:E11"/>
    <mergeCell ref="A12:C12"/>
    <mergeCell ref="A13:C13"/>
    <mergeCell ref="A16:C16"/>
    <mergeCell ref="A17:C17"/>
    <mergeCell ref="A18:E18"/>
    <mergeCell ref="A19:E19"/>
    <mergeCell ref="A20:C20"/>
    <mergeCell ref="B21:C21"/>
    <mergeCell ref="A22:E22"/>
    <mergeCell ref="B23:C23"/>
    <mergeCell ref="A9:E9"/>
    <mergeCell ref="A1:E1"/>
    <mergeCell ref="A2:E2"/>
    <mergeCell ref="A3:E3"/>
    <mergeCell ref="A7:E7"/>
    <mergeCell ref="A8:E8"/>
  </mergeCells>
  <conditionalFormatting sqref="B44:C47 C31:C42">
    <cfRule type="containsBlanks" dxfId="13" priority="7">
      <formula>LEN(TRIM(B31))=0</formula>
    </cfRule>
  </conditionalFormatting>
  <conditionalFormatting sqref="D55:E55">
    <cfRule type="containsBlanks" dxfId="12" priority="6">
      <formula>LEN(TRIM(D55))=0</formula>
    </cfRule>
  </conditionalFormatting>
  <conditionalFormatting sqref="D56:E56">
    <cfRule type="containsBlanks" dxfId="11" priority="5">
      <formula>LEN(TRIM(D56))=0</formula>
    </cfRule>
  </conditionalFormatting>
  <conditionalFormatting sqref="B53">
    <cfRule type="containsBlanks" dxfId="10" priority="2">
      <formula>LEN(TRIM(B53))=0</formula>
    </cfRule>
  </conditionalFormatting>
  <conditionalFormatting sqref="B4">
    <cfRule type="containsBlanks" dxfId="9" priority="4">
      <formula>LEN(TRIM(B4))=0</formula>
    </cfRule>
  </conditionalFormatting>
  <conditionalFormatting sqref="B5">
    <cfRule type="containsBlanks" dxfId="8" priority="3">
      <formula>LEN(TRIM(B5))=0</formula>
    </cfRule>
  </conditionalFormatting>
  <conditionalFormatting sqref="B54">
    <cfRule type="containsBlanks" dxfId="7" priority="1">
      <formula>LEN(TRIM(B54))=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499984740745262"/>
    <pageSetUpPr fitToPage="1"/>
  </sheetPr>
  <dimension ref="A1:H69"/>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49</v>
      </c>
      <c r="B1" s="149"/>
      <c r="C1" s="149"/>
      <c r="D1" s="149"/>
      <c r="E1" s="149"/>
    </row>
    <row r="2" spans="1:5" ht="27.75" customHeight="1" x14ac:dyDescent="0.2">
      <c r="A2" s="160" t="s">
        <v>47</v>
      </c>
      <c r="B2" s="160"/>
      <c r="C2" s="160"/>
      <c r="D2" s="160"/>
      <c r="E2" s="160"/>
    </row>
    <row r="3" spans="1:5" ht="56.1" customHeight="1" x14ac:dyDescent="0.2">
      <c r="A3" s="137" t="s">
        <v>53</v>
      </c>
      <c r="B3" s="137"/>
      <c r="C3" s="137"/>
      <c r="D3" s="137"/>
      <c r="E3" s="137"/>
    </row>
    <row r="4" spans="1:5" ht="24.95" customHeight="1" x14ac:dyDescent="0.2">
      <c r="A4" s="44" t="s">
        <v>52</v>
      </c>
      <c r="B4" s="70"/>
      <c r="C4" s="39"/>
      <c r="D4" s="39"/>
      <c r="E4" s="39"/>
    </row>
    <row r="5" spans="1:5" ht="24.95" customHeight="1" x14ac:dyDescent="0.2">
      <c r="A5" s="44" t="s">
        <v>50</v>
      </c>
      <c r="B5" s="69"/>
      <c r="C5" s="39"/>
      <c r="D5" s="39"/>
      <c r="E5" s="39"/>
    </row>
    <row r="6" spans="1:5" ht="5.0999999999999996" customHeight="1" x14ac:dyDescent="0.2">
      <c r="A6" s="39"/>
      <c r="B6" s="39"/>
      <c r="C6" s="39"/>
      <c r="D6" s="39"/>
      <c r="E6" s="39"/>
    </row>
    <row r="7" spans="1:5" s="2" customFormat="1" ht="20.100000000000001" customHeight="1" x14ac:dyDescent="0.25">
      <c r="A7" s="138" t="s">
        <v>4</v>
      </c>
      <c r="B7" s="138"/>
      <c r="C7" s="138"/>
      <c r="D7" s="138"/>
      <c r="E7" s="138"/>
    </row>
    <row r="8" spans="1:5" s="2" customFormat="1" ht="20.100000000000001" customHeight="1" x14ac:dyDescent="0.25">
      <c r="A8" s="139" t="s">
        <v>8</v>
      </c>
      <c r="B8" s="139"/>
      <c r="C8" s="139"/>
      <c r="D8" s="139"/>
      <c r="E8" s="139"/>
    </row>
    <row r="9" spans="1:5" ht="24.95" customHeight="1" x14ac:dyDescent="0.2">
      <c r="A9" s="140" t="s">
        <v>84</v>
      </c>
      <c r="B9" s="140"/>
      <c r="C9" s="140"/>
      <c r="D9" s="140"/>
      <c r="E9" s="140"/>
    </row>
    <row r="10" spans="1:5" ht="4.5" customHeight="1" x14ac:dyDescent="0.2">
      <c r="A10" s="73"/>
      <c r="B10" s="73"/>
      <c r="C10" s="73"/>
      <c r="D10" s="73"/>
      <c r="E10" s="73"/>
    </row>
    <row r="11" spans="1:5" s="2" customFormat="1" ht="20.100000000000001" customHeight="1" x14ac:dyDescent="0.25">
      <c r="A11" s="141" t="s">
        <v>9</v>
      </c>
      <c r="B11" s="141"/>
      <c r="C11" s="141"/>
      <c r="D11" s="141"/>
      <c r="E11" s="141"/>
    </row>
    <row r="12" spans="1:5" s="2" customFormat="1" ht="24.95" customHeight="1" x14ac:dyDescent="0.2">
      <c r="A12" s="142" t="s">
        <v>80</v>
      </c>
      <c r="B12" s="142"/>
      <c r="C12" s="142"/>
      <c r="D12" s="15"/>
      <c r="E12" s="15"/>
    </row>
    <row r="13" spans="1:5" s="3" customFormat="1" ht="20.100000000000001" customHeight="1" x14ac:dyDescent="0.25">
      <c r="A13" s="142" t="s">
        <v>24</v>
      </c>
      <c r="B13" s="142"/>
      <c r="C13" s="142"/>
      <c r="D13" s="21"/>
      <c r="E13" s="22"/>
    </row>
    <row r="14" spans="1:5" ht="4.5" customHeight="1" x14ac:dyDescent="0.2">
      <c r="A14" s="73"/>
      <c r="B14" s="73"/>
      <c r="C14" s="73"/>
      <c r="D14" s="73"/>
      <c r="E14" s="73"/>
    </row>
    <row r="15" spans="1:5" x14ac:dyDescent="0.2">
      <c r="A15" s="40" t="s">
        <v>10</v>
      </c>
      <c r="B15" s="23"/>
      <c r="C15" s="23"/>
      <c r="D15" s="24"/>
      <c r="E15" s="24"/>
    </row>
    <row r="16" spans="1:5" s="3" customFormat="1" ht="24.95" customHeight="1" x14ac:dyDescent="0.25">
      <c r="A16" s="148" t="s">
        <v>57</v>
      </c>
      <c r="B16" s="148"/>
      <c r="C16" s="148"/>
      <c r="D16" s="21"/>
      <c r="E16" s="22"/>
    </row>
    <row r="17" spans="1:6" ht="5.0999999999999996" customHeight="1" x14ac:dyDescent="0.2">
      <c r="A17" s="159"/>
      <c r="B17" s="159"/>
      <c r="C17" s="159"/>
      <c r="E17" s="16"/>
    </row>
    <row r="18" spans="1:6" s="2" customFormat="1" ht="20.100000000000001" customHeight="1" x14ac:dyDescent="0.25">
      <c r="A18" s="138" t="s">
        <v>21</v>
      </c>
      <c r="B18" s="138"/>
      <c r="C18" s="138"/>
      <c r="D18" s="138"/>
      <c r="E18" s="138"/>
    </row>
    <row r="19" spans="1:6" ht="24.95" customHeight="1" x14ac:dyDescent="0.2">
      <c r="A19" s="142" t="s">
        <v>84</v>
      </c>
      <c r="B19" s="142"/>
      <c r="C19" s="142"/>
      <c r="D19" s="142"/>
      <c r="E19" s="142"/>
    </row>
    <row r="20" spans="1:6" ht="5.0999999999999996" customHeight="1" thickBot="1" x14ac:dyDescent="0.25">
      <c r="A20" s="201"/>
      <c r="B20" s="201"/>
      <c r="C20" s="201"/>
      <c r="E20" s="16"/>
    </row>
    <row r="21" spans="1:6" s="9" customFormat="1" ht="31.5" customHeight="1" thickBot="1" x14ac:dyDescent="0.3">
      <c r="A21" s="95" t="s">
        <v>67</v>
      </c>
      <c r="B21" s="199" t="s">
        <v>12</v>
      </c>
      <c r="C21" s="200"/>
      <c r="D21" s="96" t="s">
        <v>11</v>
      </c>
      <c r="E21" s="97" t="s">
        <v>145</v>
      </c>
    </row>
    <row r="22" spans="1:6" s="9" customFormat="1" ht="31.5" customHeight="1" thickBot="1" x14ac:dyDescent="0.3">
      <c r="A22" s="243" t="s">
        <v>130</v>
      </c>
      <c r="B22" s="244"/>
      <c r="C22" s="244"/>
      <c r="D22" s="244"/>
      <c r="E22" s="245"/>
    </row>
    <row r="23" spans="1:6" s="9" customFormat="1" ht="31.5" customHeight="1" x14ac:dyDescent="0.25">
      <c r="A23" s="100" t="s">
        <v>146</v>
      </c>
      <c r="B23" s="126" t="s">
        <v>86</v>
      </c>
      <c r="C23" s="127"/>
      <c r="D23" s="18" t="s">
        <v>1</v>
      </c>
      <c r="E23" s="115">
        <v>15004</v>
      </c>
    </row>
    <row r="24" spans="1:6" ht="5.0999999999999996" customHeight="1" x14ac:dyDescent="0.2"/>
    <row r="25" spans="1:6" s="2" customFormat="1" ht="20.100000000000001" customHeight="1" x14ac:dyDescent="0.25">
      <c r="A25" s="138" t="s">
        <v>23</v>
      </c>
      <c r="B25" s="138"/>
      <c r="C25" s="138"/>
      <c r="D25" s="138"/>
      <c r="E25" s="138"/>
    </row>
    <row r="26" spans="1:6" s="2" customFormat="1" ht="5.0999999999999996" customHeight="1" thickBot="1" x14ac:dyDescent="0.3">
      <c r="A26" s="16"/>
      <c r="C26" s="72"/>
      <c r="D26" s="72"/>
      <c r="E26" s="72"/>
    </row>
    <row r="27" spans="1:6" s="3" customFormat="1" ht="93" customHeight="1" x14ac:dyDescent="0.25">
      <c r="A27" s="150" t="s">
        <v>0</v>
      </c>
      <c r="B27" s="151"/>
      <c r="C27" s="154" t="s">
        <v>25</v>
      </c>
      <c r="D27" s="155"/>
      <c r="E27" s="156"/>
      <c r="F27" s="25"/>
    </row>
    <row r="28" spans="1:6" s="3" customFormat="1" ht="30" customHeight="1" thickBot="1" x14ac:dyDescent="0.3">
      <c r="A28" s="207"/>
      <c r="B28" s="208"/>
      <c r="C28" s="101" t="s">
        <v>26</v>
      </c>
      <c r="D28" s="209" t="s">
        <v>27</v>
      </c>
      <c r="E28" s="210"/>
    </row>
    <row r="29" spans="1:6" s="3" customFormat="1" ht="31.5" customHeight="1" thickBot="1" x14ac:dyDescent="0.3">
      <c r="A29" s="246" t="s">
        <v>130</v>
      </c>
      <c r="B29" s="247"/>
      <c r="C29" s="247"/>
      <c r="D29" s="247"/>
      <c r="E29" s="248"/>
    </row>
    <row r="30" spans="1:6" s="27" customFormat="1" ht="31.5" customHeight="1" thickBot="1" x14ac:dyDescent="0.3">
      <c r="A30" s="216" t="s">
        <v>162</v>
      </c>
      <c r="B30" s="217"/>
      <c r="C30" s="217"/>
      <c r="D30" s="217"/>
      <c r="E30" s="218"/>
    </row>
    <row r="31" spans="1:6" s="4" customFormat="1" ht="32.1" customHeight="1" x14ac:dyDescent="0.25">
      <c r="A31" s="104">
        <v>45658</v>
      </c>
      <c r="B31" s="107" t="s">
        <v>98</v>
      </c>
      <c r="C31" s="54"/>
      <c r="D31" s="211"/>
      <c r="E31" s="212"/>
    </row>
    <row r="32" spans="1:6" s="4" customFormat="1" ht="32.1" customHeight="1" x14ac:dyDescent="0.25">
      <c r="A32" s="105">
        <v>45689</v>
      </c>
      <c r="B32" s="103" t="s">
        <v>99</v>
      </c>
      <c r="C32" s="54"/>
      <c r="D32" s="211"/>
      <c r="E32" s="212"/>
    </row>
    <row r="33" spans="1:5" s="4" customFormat="1" ht="32.1" customHeight="1" x14ac:dyDescent="0.25">
      <c r="A33" s="105">
        <v>45717</v>
      </c>
      <c r="B33" s="103" t="s">
        <v>90</v>
      </c>
      <c r="C33" s="54"/>
      <c r="D33" s="211"/>
      <c r="E33" s="212"/>
    </row>
    <row r="34" spans="1:5" s="4" customFormat="1" ht="32.1" customHeight="1" x14ac:dyDescent="0.25">
      <c r="A34" s="105">
        <v>45748</v>
      </c>
      <c r="B34" s="103" t="s">
        <v>94</v>
      </c>
      <c r="C34" s="54"/>
      <c r="D34" s="211"/>
      <c r="E34" s="212"/>
    </row>
    <row r="35" spans="1:5" s="4" customFormat="1" ht="32.1" customHeight="1" x14ac:dyDescent="0.25">
      <c r="A35" s="105">
        <v>45778</v>
      </c>
      <c r="B35" s="103" t="s">
        <v>100</v>
      </c>
      <c r="C35" s="54"/>
      <c r="D35" s="211"/>
      <c r="E35" s="212"/>
    </row>
    <row r="36" spans="1:5" s="4" customFormat="1" ht="32.1" customHeight="1" x14ac:dyDescent="0.25">
      <c r="A36" s="105">
        <v>45809</v>
      </c>
      <c r="B36" s="103" t="s">
        <v>96</v>
      </c>
      <c r="C36" s="54"/>
      <c r="D36" s="211"/>
      <c r="E36" s="212"/>
    </row>
    <row r="37" spans="1:5" s="4" customFormat="1" ht="32.1" customHeight="1" x14ac:dyDescent="0.25">
      <c r="A37" s="105">
        <v>45839</v>
      </c>
      <c r="B37" s="103" t="s">
        <v>97</v>
      </c>
      <c r="C37" s="54"/>
      <c r="D37" s="211"/>
      <c r="E37" s="212"/>
    </row>
    <row r="38" spans="1:5" s="4" customFormat="1" ht="32.1" customHeight="1" x14ac:dyDescent="0.25">
      <c r="A38" s="105">
        <v>45870</v>
      </c>
      <c r="B38" s="103" t="s">
        <v>155</v>
      </c>
      <c r="C38" s="54"/>
      <c r="D38" s="211"/>
      <c r="E38" s="212"/>
    </row>
    <row r="39" spans="1:5" s="4" customFormat="1" ht="32.1" customHeight="1" thickBot="1" x14ac:dyDescent="0.3">
      <c r="A39" s="106">
        <v>45901</v>
      </c>
      <c r="B39" s="108" t="s">
        <v>92</v>
      </c>
      <c r="C39" s="56"/>
      <c r="D39" s="227"/>
      <c r="E39" s="228"/>
    </row>
    <row r="40" spans="1:5" s="30" customFormat="1" ht="30" customHeight="1" x14ac:dyDescent="0.25">
      <c r="A40" s="164" t="s">
        <v>35</v>
      </c>
      <c r="B40" s="164"/>
      <c r="C40" s="164"/>
      <c r="D40" s="164"/>
      <c r="E40" s="3"/>
    </row>
    <row r="41" spans="1:5" s="2" customFormat="1" ht="24" x14ac:dyDescent="0.25">
      <c r="A41" s="29" t="s">
        <v>36</v>
      </c>
      <c r="B41" s="173"/>
      <c r="C41" s="173"/>
      <c r="E41" s="30"/>
    </row>
    <row r="42" spans="1:5" s="2" customFormat="1" ht="24" x14ac:dyDescent="0.25">
      <c r="A42" s="29" t="s">
        <v>37</v>
      </c>
      <c r="B42" s="161"/>
      <c r="C42" s="161"/>
      <c r="E42" s="30"/>
    </row>
    <row r="43" spans="1:5" s="2" customFormat="1" ht="24.95" customHeight="1" x14ac:dyDescent="0.25">
      <c r="A43" s="29" t="s">
        <v>38</v>
      </c>
      <c r="B43" s="161"/>
      <c r="C43" s="161"/>
      <c r="E43" s="30"/>
    </row>
    <row r="44" spans="1:5" s="3" customFormat="1" ht="34.5" customHeight="1" x14ac:dyDescent="0.25">
      <c r="A44" s="29" t="s">
        <v>39</v>
      </c>
      <c r="B44" s="161"/>
      <c r="C44" s="161"/>
      <c r="D44" s="2"/>
      <c r="E44" s="31"/>
    </row>
    <row r="45" spans="1:5" s="2" customFormat="1" ht="24.75" customHeight="1" x14ac:dyDescent="0.2">
      <c r="A45" s="11"/>
      <c r="B45" s="12"/>
      <c r="C45" s="12"/>
      <c r="E45" s="32"/>
    </row>
    <row r="46" spans="1:5" s="3" customFormat="1" ht="15" customHeight="1" x14ac:dyDescent="0.25">
      <c r="A46" s="166" t="s">
        <v>40</v>
      </c>
      <c r="B46" s="166"/>
      <c r="C46" s="166"/>
      <c r="D46" s="166"/>
      <c r="E46" s="166"/>
    </row>
    <row r="47" spans="1:5" s="2" customFormat="1" ht="36.75" customHeight="1" x14ac:dyDescent="0.25">
      <c r="A47" s="167" t="s">
        <v>51</v>
      </c>
      <c r="B47" s="167"/>
      <c r="C47" s="167"/>
      <c r="D47" s="167"/>
      <c r="E47" s="167"/>
    </row>
    <row r="48" spans="1:5" s="2" customFormat="1" ht="20.100000000000001" customHeight="1" x14ac:dyDescent="0.2">
      <c r="A48" s="1"/>
      <c r="B48" s="1"/>
      <c r="C48" s="8"/>
      <c r="D48" s="8"/>
    </row>
    <row r="49" spans="1:8" s="3" customFormat="1" ht="4.5" customHeight="1" x14ac:dyDescent="0.2">
      <c r="A49" s="1"/>
      <c r="B49" s="1"/>
      <c r="C49" s="8"/>
      <c r="D49" s="8"/>
      <c r="E49" s="2"/>
    </row>
    <row r="50" spans="1:8" s="3" customFormat="1" ht="20.100000000000001" customHeight="1" x14ac:dyDescent="0.25">
      <c r="A50" s="33" t="s">
        <v>41</v>
      </c>
      <c r="B50" s="49"/>
      <c r="C50" s="34" t="s">
        <v>42</v>
      </c>
      <c r="D50" s="172"/>
      <c r="E50" s="172"/>
    </row>
    <row r="51" spans="1:8" s="3" customFormat="1" ht="20.100000000000001" customHeight="1" x14ac:dyDescent="0.25">
      <c r="A51" s="46" t="s">
        <v>43</v>
      </c>
      <c r="B51" s="50"/>
      <c r="C51" s="35"/>
      <c r="D51" s="36"/>
      <c r="E51" s="36"/>
    </row>
    <row r="52" spans="1:8" ht="20.100000000000001" customHeight="1" x14ac:dyDescent="0.2">
      <c r="C52" s="37" t="s">
        <v>44</v>
      </c>
      <c r="D52" s="173"/>
      <c r="E52" s="173"/>
    </row>
    <row r="53" spans="1:8" s="2" customFormat="1" ht="20.100000000000001" customHeight="1" x14ac:dyDescent="0.2">
      <c r="A53" s="1"/>
      <c r="B53" s="1"/>
      <c r="C53" s="37" t="s">
        <v>45</v>
      </c>
      <c r="D53" s="161"/>
      <c r="E53" s="161"/>
    </row>
    <row r="54" spans="1:8" s="2" customFormat="1" ht="20.100000000000001" customHeight="1" x14ac:dyDescent="0.2">
      <c r="A54" s="1"/>
      <c r="B54" s="1"/>
      <c r="C54" s="38" t="s">
        <v>46</v>
      </c>
      <c r="D54" s="1"/>
    </row>
    <row r="55" spans="1:8" s="2" customFormat="1" ht="37.5" customHeight="1" x14ac:dyDescent="0.25"/>
    <row r="56" spans="1:8" s="2" customFormat="1" ht="24" customHeight="1" x14ac:dyDescent="0.25"/>
    <row r="57" spans="1:8" s="2" customFormat="1" ht="24" customHeight="1" x14ac:dyDescent="0.25"/>
    <row r="58" spans="1:8" s="2" customFormat="1" ht="24" customHeight="1" x14ac:dyDescent="0.25"/>
    <row r="59" spans="1:8" s="2" customFormat="1" ht="20.100000000000001" customHeight="1" x14ac:dyDescent="0.25"/>
    <row r="60" spans="1:8" s="2" customFormat="1" ht="20.100000000000001" customHeight="1" x14ac:dyDescent="0.25"/>
    <row r="61" spans="1:8" s="2" customFormat="1" ht="50.1" customHeight="1" x14ac:dyDescent="0.25"/>
    <row r="62" spans="1:8" s="2" customFormat="1" ht="43.5" customHeight="1" x14ac:dyDescent="0.25"/>
    <row r="63" spans="1:8" s="2" customFormat="1" ht="24.75" customHeight="1" x14ac:dyDescent="0.2">
      <c r="F63" s="1"/>
      <c r="G63" s="1"/>
      <c r="H63" s="1"/>
    </row>
    <row r="64" spans="1:8" s="2" customFormat="1" x14ac:dyDescent="0.2">
      <c r="F64" s="1"/>
      <c r="G64" s="1"/>
      <c r="H64" s="1"/>
    </row>
    <row r="65" spans="1:8" s="2" customFormat="1" ht="20.100000000000001" customHeight="1" x14ac:dyDescent="0.2">
      <c r="A65" s="1"/>
      <c r="B65" s="1"/>
      <c r="C65" s="8"/>
      <c r="D65" s="8"/>
      <c r="F65" s="1"/>
      <c r="G65" s="1"/>
      <c r="H65" s="1"/>
    </row>
    <row r="66" spans="1:8" s="2" customFormat="1" ht="4.5" customHeight="1" x14ac:dyDescent="0.2">
      <c r="A66" s="1"/>
      <c r="B66" s="1"/>
      <c r="C66" s="8"/>
      <c r="D66" s="8"/>
      <c r="F66" s="1"/>
      <c r="G66" s="1"/>
      <c r="H66" s="1"/>
    </row>
    <row r="67" spans="1:8" s="2" customFormat="1" ht="20.100000000000001" customHeight="1" x14ac:dyDescent="0.2">
      <c r="A67" s="1"/>
      <c r="B67" s="1"/>
      <c r="C67" s="8"/>
      <c r="D67" s="8"/>
      <c r="F67" s="1"/>
      <c r="G67" s="1"/>
      <c r="H67" s="1"/>
    </row>
    <row r="68" spans="1:8" s="2" customFormat="1" ht="20.100000000000001" customHeight="1" x14ac:dyDescent="0.2">
      <c r="A68" s="1"/>
      <c r="B68" s="1"/>
      <c r="C68" s="8"/>
      <c r="D68" s="8"/>
      <c r="F68" s="1"/>
      <c r="G68" s="1"/>
      <c r="H68" s="1"/>
    </row>
    <row r="69" spans="1:8" s="2" customFormat="1" ht="20.100000000000001" customHeight="1" x14ac:dyDescent="0.2">
      <c r="A69" s="1"/>
      <c r="B69" s="1"/>
      <c r="C69" s="8"/>
      <c r="D69" s="8"/>
      <c r="F69" s="1"/>
      <c r="G69" s="1"/>
      <c r="H69" s="1"/>
    </row>
  </sheetData>
  <mergeCells count="42">
    <mergeCell ref="D53:E53"/>
    <mergeCell ref="D38:E38"/>
    <mergeCell ref="D39:E39"/>
    <mergeCell ref="A40:D40"/>
    <mergeCell ref="B41:C41"/>
    <mergeCell ref="B42:C42"/>
    <mergeCell ref="B43:C43"/>
    <mergeCell ref="B44:C44"/>
    <mergeCell ref="A46:E46"/>
    <mergeCell ref="A47:E47"/>
    <mergeCell ref="D50:E50"/>
    <mergeCell ref="D52:E52"/>
    <mergeCell ref="D37:E37"/>
    <mergeCell ref="A27:B28"/>
    <mergeCell ref="C27:E27"/>
    <mergeCell ref="D28:E28"/>
    <mergeCell ref="A29:E29"/>
    <mergeCell ref="A30:E30"/>
    <mergeCell ref="D31:E31"/>
    <mergeCell ref="D32:E32"/>
    <mergeCell ref="D33:E33"/>
    <mergeCell ref="D34:E34"/>
    <mergeCell ref="D35:E35"/>
    <mergeCell ref="D36:E36"/>
    <mergeCell ref="A25:E25"/>
    <mergeCell ref="A11:E11"/>
    <mergeCell ref="A12:C12"/>
    <mergeCell ref="A13:C13"/>
    <mergeCell ref="A16:C16"/>
    <mergeCell ref="A17:C17"/>
    <mergeCell ref="A18:E18"/>
    <mergeCell ref="A19:E19"/>
    <mergeCell ref="A20:C20"/>
    <mergeCell ref="B21:C21"/>
    <mergeCell ref="A22:E22"/>
    <mergeCell ref="B23:C23"/>
    <mergeCell ref="A9:E9"/>
    <mergeCell ref="A1:E1"/>
    <mergeCell ref="A2:E2"/>
    <mergeCell ref="A3:E3"/>
    <mergeCell ref="A7:E7"/>
    <mergeCell ref="A8:E8"/>
  </mergeCells>
  <conditionalFormatting sqref="B41:C44 C31:C39">
    <cfRule type="containsBlanks" dxfId="6" priority="7">
      <formula>LEN(TRIM(B31))=0</formula>
    </cfRule>
  </conditionalFormatting>
  <conditionalFormatting sqref="D52:E52">
    <cfRule type="containsBlanks" dxfId="5" priority="6">
      <formula>LEN(TRIM(D52))=0</formula>
    </cfRule>
  </conditionalFormatting>
  <conditionalFormatting sqref="D53:E53">
    <cfRule type="containsBlanks" dxfId="4" priority="5">
      <formula>LEN(TRIM(D53))=0</formula>
    </cfRule>
  </conditionalFormatting>
  <conditionalFormatting sqref="B50">
    <cfRule type="containsBlanks" dxfId="3" priority="2">
      <formula>LEN(TRIM(B50))=0</formula>
    </cfRule>
  </conditionalFormatting>
  <conditionalFormatting sqref="B4">
    <cfRule type="containsBlanks" dxfId="2" priority="4">
      <formula>LEN(TRIM(B4))=0</formula>
    </cfRule>
  </conditionalFormatting>
  <conditionalFormatting sqref="B5">
    <cfRule type="containsBlanks" dxfId="1" priority="3">
      <formula>LEN(TRIM(B5))=0</formula>
    </cfRule>
  </conditionalFormatting>
  <conditionalFormatting sqref="B51">
    <cfRule type="containsBlanks" dxfId="0" priority="1">
      <formula>LEN(TRIM(B51))=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6</vt:i4>
      </vt:variant>
      <vt:variant>
        <vt:lpstr>Pomenované rozsahy</vt:lpstr>
      </vt:variant>
      <vt:variant>
        <vt:i4>6</vt:i4>
      </vt:variant>
    </vt:vector>
  </HeadingPairs>
  <TitlesOfParts>
    <vt:vector size="12" baseType="lpstr">
      <vt:lpstr>PTK ponuka Zmluvne poz.</vt:lpstr>
      <vt:lpstr>PTK Ponuka časť č. 1</vt:lpstr>
      <vt:lpstr>PTK Ponuka časť č. 2</vt:lpstr>
      <vt:lpstr>PTK Ponuka časť č. 3</vt:lpstr>
      <vt:lpstr>PTK Ponuka časť č. 4</vt:lpstr>
      <vt:lpstr>PTK Ponuka časť č. 5</vt:lpstr>
      <vt:lpstr>'PTK Ponuka časť č. 1'!Oblasť_tlače</vt:lpstr>
      <vt:lpstr>'PTK Ponuka časť č. 2'!Oblasť_tlače</vt:lpstr>
      <vt:lpstr>'PTK Ponuka časť č. 3'!Oblasť_tlače</vt:lpstr>
      <vt:lpstr>'PTK Ponuka časť č. 4'!Oblasť_tlače</vt:lpstr>
      <vt:lpstr>'PTK Ponuka časť č. 5'!Oblasť_tlače</vt:lpstr>
      <vt:lpstr>'PTK ponuka Zmluvne poz.'!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1-05-20T08:07:36Z</cp:lastPrinted>
  <dcterms:created xsi:type="dcterms:W3CDTF">2017-04-21T05:51:15Z</dcterms:created>
  <dcterms:modified xsi:type="dcterms:W3CDTF">2025-04-01T11:57:29Z</dcterms:modified>
</cp:coreProperties>
</file>